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6731"/>
  <workbookPr/>
  <mc:AlternateContent xmlns:mc="http://schemas.openxmlformats.org/markup-compatibility/2006">
    <mc:Choice Requires="x15">
      <x15ac:absPath xmlns:x15ac="http://schemas.microsoft.com/office/spreadsheetml/2010/11/ac" url="C:\Users\bjance\Downloads\"/>
    </mc:Choice>
  </mc:AlternateContent>
  <xr:revisionPtr revIDLastSave="0" documentId="8_{79F0D6C3-79C3-468F-B544-40C024CE3EE2}" xr6:coauthVersionLast="47" xr6:coauthVersionMax="47" xr10:uidLastSave="{00000000-0000-0000-0000-000000000000}"/>
  <bookViews>
    <workbookView xWindow="-103" yWindow="-103" windowWidth="22149" windowHeight="13320" xr2:uid="{00000000-000D-0000-FFFF-FFFF00000000}"/>
  </bookViews>
  <sheets>
    <sheet name="Disclaimer" sheetId="6" r:id="rId1"/>
    <sheet name="Storytelling worksheet" sheetId="5" r:id="rId2"/>
    <sheet name="Co-benefit assessment tool" sheetId="4" r:id="rId3"/>
  </sheets>
  <definedNames>
    <definedName name="_xlnm._FilterDatabase" localSheetId="2" hidden="1">'Co-benefit assessment tool'!$A$3:$CG$29</definedName>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253" uniqueCount="114">
  <si>
    <t>Potential co-benefits for each lever</t>
  </si>
  <si>
    <t>Self-identified co-benefits for each lever</t>
  </si>
  <si>
    <t>Economic</t>
  </si>
  <si>
    <t>Social</t>
  </si>
  <si>
    <t>Public Health</t>
  </si>
  <si>
    <t>Environmental</t>
  </si>
  <si>
    <t>Use these columns to record any other co-benefits</t>
  </si>
  <si>
    <t>Job creation</t>
  </si>
  <si>
    <t>Revenue generation</t>
  </si>
  <si>
    <t>Reduced costs</t>
  </si>
  <si>
    <t>Increased energy security</t>
  </si>
  <si>
    <t>Business/technological innovation</t>
  </si>
  <si>
    <t>Increased labor productivity</t>
  </si>
  <si>
    <t>Improved labor conditions</t>
  </si>
  <si>
    <t>Increased economic production</t>
  </si>
  <si>
    <t>Reduced natural resource depletion</t>
  </si>
  <si>
    <t>Reduced congestion</t>
  </si>
  <si>
    <t>Reduced disruption of energy, transport, water or communications networks</t>
  </si>
  <si>
    <t>Increased water security</t>
  </si>
  <si>
    <t>Increased food security</t>
  </si>
  <si>
    <t>Improved mobility and access</t>
  </si>
  <si>
    <t>Improved road safety</t>
  </si>
  <si>
    <t>Increased access to energy</t>
  </si>
  <si>
    <t>Reduced fuel/energy poverty</t>
  </si>
  <si>
    <t>Increased security/protection for poor/vulnerable populations</t>
  </si>
  <si>
    <t>Increased social inclusion, equality and justice</t>
  </si>
  <si>
    <t>Increased transparency and accountability</t>
  </si>
  <si>
    <t>Improved education and public awareness on climate issues</t>
  </si>
  <si>
    <t>Fewer or no households and businesses forced from homes/places of work</t>
  </si>
  <si>
    <t>Undertaken in collaboration with Indigenous peoples</t>
  </si>
  <si>
    <t>Improved physical health</t>
  </si>
  <si>
    <t>Improved mental wellbeing/quality of life</t>
  </si>
  <si>
    <t>Improved air quality</t>
  </si>
  <si>
    <t>Improved preparedness for health service delivery</t>
  </si>
  <si>
    <t>Reduced health impacts from extreme heat or cold weather</t>
  </si>
  <si>
    <t>Reduced disaster/ disease/ contamination-related health impacts</t>
  </si>
  <si>
    <t>Reduced premature deaths</t>
  </si>
  <si>
    <t>Reduced health costs</t>
  </si>
  <si>
    <t>Reduced GHG emissions</t>
  </si>
  <si>
    <t>Improved water/soil quality</t>
  </si>
  <si>
    <t>Improved waste management</t>
  </si>
  <si>
    <t>Reduced noise/light pollution</t>
  </si>
  <si>
    <t>Increased/improved green space</t>
  </si>
  <si>
    <t>Protected/improved biodiversity and ecosystem services</t>
  </si>
  <si>
    <t xml:space="preserve">Notes </t>
  </si>
  <si>
    <t>Other</t>
  </si>
  <si>
    <t xml:space="preserve">Other </t>
  </si>
  <si>
    <t>Policies and regulation</t>
  </si>
  <si>
    <t xml:space="preserve">Energy and climate action master planning </t>
  </si>
  <si>
    <t>x</t>
  </si>
  <si>
    <t xml:space="preserve">Analyse climate risks and adaptive capacity </t>
  </si>
  <si>
    <t xml:space="preserve">Establish legal and regulatory frameworks for financing and implementation of interventions </t>
  </si>
  <si>
    <t xml:space="preserve">Policy and programme design that speaks to lived experiences </t>
  </si>
  <si>
    <t>Stakeholder collaboration</t>
  </si>
  <si>
    <t>Community-led data collection programmes</t>
  </si>
  <si>
    <t>Co-design solutions with local communities that speak to specific contexts and needs</t>
  </si>
  <si>
    <t xml:space="preserve">Engage with private sector and academia </t>
  </si>
  <si>
    <t>Transparent and documented processes</t>
  </si>
  <si>
    <t>Engage with national and regional energy access actors</t>
  </si>
  <si>
    <t>Coordinate stakeholders and data for national engagement</t>
  </si>
  <si>
    <t>Internal capacity building &amp; data collection</t>
  </si>
  <si>
    <t>Central working group for energy access</t>
  </si>
  <si>
    <t>Joining regional and international platforms</t>
  </si>
  <si>
    <t>Data-collection networks and infrastructure</t>
  </si>
  <si>
    <t>Data analysis and case-making</t>
  </si>
  <si>
    <t>Monitoring, evaluation and reporting (MER) frameworks to support planning</t>
  </si>
  <si>
    <t>Building local technical knowledge and capacity</t>
  </si>
  <si>
    <t>Investment and securing finance</t>
  </si>
  <si>
    <t xml:space="preserve">Financing energy access programmes </t>
  </si>
  <si>
    <t xml:space="preserve">Analysis and innovation of funding models </t>
  </si>
  <si>
    <t>Energy performance contracting (EPC)</t>
  </si>
  <si>
    <t xml:space="preserve">Engage with potential funders </t>
  </si>
  <si>
    <t>Programmes led by local governments</t>
  </si>
  <si>
    <t xml:space="preserve">Energy data infrastructure and audit analysis </t>
  </si>
  <si>
    <t xml:space="preserve">Local community training </t>
  </si>
  <si>
    <t xml:space="preserve">Energy efficient retrofits </t>
  </si>
  <si>
    <t xml:space="preserve">Distributed renewable energy generation </t>
  </si>
  <si>
    <t xml:space="preserve">Financial support for households to improve energy affordability </t>
  </si>
  <si>
    <t xml:space="preserve">Municipal energy procurement </t>
  </si>
  <si>
    <t>Intervention</t>
  </si>
  <si>
    <t>Who experiences this EAP challenge</t>
  </si>
  <si>
    <t>Local government barriers</t>
  </si>
  <si>
    <t>Information category</t>
  </si>
  <si>
    <t xml:space="preserve">Prompt </t>
  </si>
  <si>
    <t xml:space="preserve">What are the previous and current barriers preventing local government action? </t>
  </si>
  <si>
    <t>EAP challenge(s) addressed</t>
  </si>
  <si>
    <t>Describe the EAP intervention being planned</t>
  </si>
  <si>
    <t xml:space="preserve">What form of energy poverty / lack of energy access does this intervention address? </t>
  </si>
  <si>
    <t>Relevant EAPP indicator(s)</t>
  </si>
  <si>
    <t xml:space="preserve">Which EAPP indicators are relevant to this intervention? </t>
  </si>
  <si>
    <t>Local government powers</t>
  </si>
  <si>
    <t xml:space="preserve">What are the policy or implementation areas where your local government has control or influence? </t>
  </si>
  <si>
    <t xml:space="preserve">What are the identities or communities in your local government area experience this form of energy poverty / lack of energy access </t>
  </si>
  <si>
    <t>Implementation steps</t>
  </si>
  <si>
    <t>What are the steps to design and/or implement this intervention?</t>
  </si>
  <si>
    <t>Stakeholders</t>
  </si>
  <si>
    <t xml:space="preserve">Who are the stakeholders to be involved in this intervention? How should they be involved in the design and/or implementation? </t>
  </si>
  <si>
    <t>Outputs</t>
  </si>
  <si>
    <t>Outcomes</t>
  </si>
  <si>
    <t>Co-benefits</t>
  </si>
  <si>
    <t>Who will receive the benefits of this intervention?</t>
  </si>
  <si>
    <t>Distribution of energy access benefits</t>
  </si>
  <si>
    <t>Direct energy access benefits</t>
  </si>
  <si>
    <t xml:space="preserve">What are the other socioeconomic benefits of this intervention? </t>
  </si>
  <si>
    <t>What are the visible results of this intervention?</t>
  </si>
  <si>
    <t>What will happen because of this intervention?</t>
  </si>
  <si>
    <t>How will this intervention increase energy access or address energy poverty?</t>
  </si>
  <si>
    <t>Related Toolkit module</t>
  </si>
  <si>
    <r>
      <t xml:space="preserve">Headline
</t>
    </r>
    <r>
      <rPr>
        <i/>
        <sz val="11"/>
        <color theme="1"/>
        <rFont val="Arial"/>
        <family val="2"/>
      </rPr>
      <t>Summarise details into a sentence
to share easily with stakeholders</t>
    </r>
  </si>
  <si>
    <r>
      <t xml:space="preserve">Detail
</t>
    </r>
    <r>
      <rPr>
        <i/>
        <sz val="11"/>
        <color theme="1"/>
        <rFont val="Arial"/>
        <family val="2"/>
      </rPr>
      <t>Note any relevant details, stakeholder input 
and documents here</t>
    </r>
  </si>
  <si>
    <t>Intervention type</t>
  </si>
  <si>
    <r>
      <t xml:space="preserve">Co-benefit assesment tool
</t>
    </r>
    <r>
      <rPr>
        <sz val="14"/>
        <color theme="0"/>
        <rFont val="Arial"/>
        <family val="2"/>
      </rPr>
      <t>This tool notes relevant co-benefits for each suggested intervention type, including space (columns in green) for local government officials to conduct a similar analysis for their own context.</t>
    </r>
  </si>
  <si>
    <r>
      <rPr>
        <b/>
        <sz val="11"/>
        <color theme="0"/>
        <rFont val="Arial"/>
        <family val="2"/>
      </rPr>
      <t>Storytelling worksheet</t>
    </r>
    <r>
      <rPr>
        <sz val="11"/>
        <color theme="0"/>
        <rFont val="Arial"/>
        <family val="2"/>
      </rPr>
      <t xml:space="preserve">
This worksheet is for local governments to detail interventions as part of planning and implementation. The worksheet can be used in discussions or individual planning 
- to support advocacy, engagement with stakeholders, and finance applications.</t>
    </r>
  </si>
  <si>
    <t>This workbook was created for the sole purpose of supporting the Urban Energy Access Toolkit for Local Governments, a resource developed by the Global Covenant of Mayors for Climate &amp; Energy (GCoM) in partnership with Arup and in collaboration with the Energy Access and Poverty Subcommittee of the GCoM Data Technical Working Group. Please review the Toolkit, available at globalcovenantofmayors.org, to lean more about how to make the most out of this workbook. 
GCoM, Arup, nor any of its affiliates and partners are liable for the content that is added by third-party users to this workbook.</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9" x14ac:knownFonts="1">
    <font>
      <sz val="11"/>
      <color theme="1"/>
      <name val="Arial"/>
      <family val="2"/>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b/>
      <sz val="10"/>
      <name val="Arial"/>
      <family val="2"/>
    </font>
    <font>
      <sz val="11"/>
      <color theme="0"/>
      <name val="Arial"/>
      <family val="2"/>
    </font>
    <font>
      <b/>
      <sz val="12"/>
      <color theme="1"/>
      <name val="Arial"/>
      <family val="2"/>
    </font>
    <font>
      <sz val="12"/>
      <color theme="1"/>
      <name val="Arial"/>
      <family val="2"/>
    </font>
    <font>
      <b/>
      <sz val="12"/>
      <name val="Arial"/>
      <family val="2"/>
    </font>
    <font>
      <sz val="12"/>
      <name val="Arial"/>
      <family val="2"/>
    </font>
    <font>
      <sz val="12"/>
      <color theme="0"/>
      <name val="Arial"/>
      <family val="2"/>
    </font>
    <font>
      <i/>
      <sz val="11"/>
      <color theme="1"/>
      <name val="Arial"/>
      <family val="2"/>
    </font>
    <font>
      <b/>
      <sz val="14"/>
      <color theme="0"/>
      <name val="Arial"/>
      <family val="2"/>
    </font>
    <font>
      <sz val="14"/>
      <color theme="0"/>
      <name val="Arial"/>
      <family val="2"/>
    </font>
    <font>
      <b/>
      <sz val="11"/>
      <color theme="0"/>
      <name val="Arial"/>
      <family val="2"/>
    </font>
  </fonts>
  <fills count="13">
    <fill>
      <patternFill patternType="none"/>
    </fill>
    <fill>
      <patternFill patternType="gray125"/>
    </fill>
    <fill>
      <patternFill patternType="solid">
        <fgColor theme="2" tint="-0.14999847407452621"/>
        <bgColor indexed="64"/>
      </patternFill>
    </fill>
    <fill>
      <patternFill patternType="solid">
        <fgColor theme="0"/>
        <bgColor indexed="64"/>
      </patternFill>
    </fill>
    <fill>
      <patternFill patternType="solid">
        <fgColor theme="2" tint="-4.9989318521683403E-2"/>
        <bgColor indexed="64"/>
      </patternFill>
    </fill>
    <fill>
      <patternFill patternType="solid">
        <fgColor theme="9" tint="0.79998168889431442"/>
        <bgColor indexed="64"/>
      </patternFill>
    </fill>
    <fill>
      <patternFill patternType="solid">
        <fgColor rgb="FF008CBE"/>
        <bgColor indexed="64"/>
      </patternFill>
    </fill>
    <fill>
      <patternFill patternType="solid">
        <fgColor rgb="FFFAD307"/>
        <bgColor indexed="64"/>
      </patternFill>
    </fill>
    <fill>
      <patternFill patternType="solid">
        <fgColor rgb="FF99B63C"/>
        <bgColor indexed="64"/>
      </patternFill>
    </fill>
    <fill>
      <patternFill patternType="solid">
        <fgColor rgb="FF1C3567"/>
        <bgColor indexed="64"/>
      </patternFill>
    </fill>
    <fill>
      <patternFill patternType="solid">
        <fgColor rgb="FFF19500"/>
        <bgColor indexed="64"/>
      </patternFill>
    </fill>
    <fill>
      <patternFill patternType="solid">
        <fgColor theme="0" tint="-4.9989318521683403E-2"/>
        <bgColor indexed="64"/>
      </patternFill>
    </fill>
    <fill>
      <patternFill patternType="solid">
        <fgColor rgb="FF44546A"/>
        <bgColor indexed="64"/>
      </patternFill>
    </fill>
  </fills>
  <borders count="33">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right/>
      <top/>
      <bottom style="thin">
        <color indexed="64"/>
      </bottom>
      <diagonal/>
    </border>
    <border>
      <left/>
      <right style="thin">
        <color indexed="64"/>
      </right>
      <top/>
      <bottom/>
      <diagonal/>
    </border>
    <border>
      <left/>
      <right style="thin">
        <color indexed="64"/>
      </right>
      <top/>
      <bottom style="thin">
        <color indexed="64"/>
      </bottom>
      <diagonal/>
    </border>
    <border>
      <left style="thin">
        <color indexed="64"/>
      </left>
      <right/>
      <top/>
      <bottom/>
      <diagonal/>
    </border>
    <border>
      <left style="thin">
        <color indexed="64"/>
      </left>
      <right style="thin">
        <color indexed="64"/>
      </right>
      <top style="thin">
        <color indexed="64"/>
      </top>
      <bottom style="thin">
        <color indexed="64"/>
      </bottom>
      <diagonal/>
    </border>
    <border>
      <left style="thin">
        <color indexed="64"/>
      </left>
      <right style="thin">
        <color indexed="64"/>
      </right>
      <top style="thin">
        <color indexed="64"/>
      </top>
      <bottom/>
      <diagonal/>
    </border>
    <border>
      <left style="thin">
        <color indexed="64"/>
      </left>
      <right style="thin">
        <color indexed="64"/>
      </right>
      <top/>
      <bottom style="thin">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thin">
        <color indexed="64"/>
      </right>
      <top style="thin">
        <color indexed="64"/>
      </top>
      <bottom/>
      <diagonal/>
    </border>
    <border>
      <left style="thin">
        <color indexed="64"/>
      </left>
      <right style="medium">
        <color indexed="64"/>
      </right>
      <top style="thin">
        <color indexed="64"/>
      </top>
      <bottom/>
      <diagonal/>
    </border>
    <border>
      <left style="medium">
        <color indexed="64"/>
      </left>
      <right style="thin">
        <color indexed="64"/>
      </right>
      <top/>
      <bottom style="thin">
        <color indexed="64"/>
      </bottom>
      <diagonal/>
    </border>
    <border>
      <left style="thin">
        <color indexed="64"/>
      </left>
      <right style="medium">
        <color indexed="64"/>
      </right>
      <top/>
      <bottom style="thin">
        <color indexed="64"/>
      </bottom>
      <diagonal/>
    </border>
    <border>
      <left/>
      <right/>
      <top style="thin">
        <color indexed="64"/>
      </top>
      <bottom style="thin">
        <color theme="0" tint="-0.14996795556505021"/>
      </bottom>
      <diagonal/>
    </border>
    <border>
      <left/>
      <right style="thin">
        <color indexed="64"/>
      </right>
      <top style="thin">
        <color indexed="64"/>
      </top>
      <bottom style="thin">
        <color theme="0" tint="-0.14996795556505021"/>
      </bottom>
      <diagonal/>
    </border>
    <border>
      <left/>
      <right/>
      <top style="thin">
        <color theme="0" tint="-0.14996795556505021"/>
      </top>
      <bottom style="thin">
        <color theme="0" tint="-0.14996795556505021"/>
      </bottom>
      <diagonal/>
    </border>
    <border>
      <left/>
      <right style="thin">
        <color indexed="64"/>
      </right>
      <top style="thin">
        <color theme="0" tint="-0.14996795556505021"/>
      </top>
      <bottom style="thin">
        <color theme="0" tint="-0.14996795556505021"/>
      </bottom>
      <diagonal/>
    </border>
    <border>
      <left/>
      <right/>
      <top style="thin">
        <color theme="0" tint="-0.14996795556505021"/>
      </top>
      <bottom/>
      <diagonal/>
    </border>
    <border>
      <left/>
      <right style="thin">
        <color indexed="64"/>
      </right>
      <top style="thin">
        <color theme="0" tint="-0.14996795556505021"/>
      </top>
      <bottom/>
      <diagonal/>
    </border>
  </borders>
  <cellStyleXfs count="9">
    <xf numFmtId="0" fontId="0" fillId="0" borderId="0"/>
    <xf numFmtId="0" fontId="1" fillId="0" borderId="0"/>
    <xf numFmtId="0" fontId="2" fillId="0" borderId="0"/>
    <xf numFmtId="0" fontId="6" fillId="0" borderId="0" applyNumberFormat="0" applyFill="0" applyBorder="0" applyAlignment="0" applyProtection="0"/>
    <xf numFmtId="0" fontId="3" fillId="0" borderId="1" applyNumberFormat="0" applyFill="0" applyAlignment="0" applyProtection="0"/>
    <xf numFmtId="0" fontId="4" fillId="0" borderId="2" applyNumberFormat="0" applyFill="0" applyAlignment="0" applyProtection="0"/>
    <xf numFmtId="0" fontId="5" fillId="0" borderId="3" applyNumberFormat="0" applyFill="0" applyAlignment="0" applyProtection="0"/>
    <xf numFmtId="0" fontId="5" fillId="0" borderId="0" applyNumberFormat="0" applyFill="0" applyBorder="0" applyAlignment="0" applyProtection="0"/>
    <xf numFmtId="0" fontId="7" fillId="0" borderId="4" applyNumberFormat="0" applyFill="0" applyAlignment="0" applyProtection="0"/>
  </cellStyleXfs>
  <cellXfs count="79">
    <xf numFmtId="0" fontId="0" fillId="0" borderId="0" xfId="0"/>
    <xf numFmtId="0" fontId="2" fillId="3" borderId="5" xfId="0" applyFont="1" applyFill="1" applyBorder="1" applyAlignment="1">
      <alignment horizontal="center" textRotation="45" wrapText="1"/>
    </xf>
    <xf numFmtId="0" fontId="0" fillId="3" borderId="0" xfId="0" applyFill="1" applyAlignment="1">
      <alignment horizontal="center" vertical="center"/>
    </xf>
    <xf numFmtId="0" fontId="0" fillId="11" borderId="16" xfId="0" applyFill="1" applyBorder="1" applyAlignment="1">
      <alignment vertical="top" wrapText="1"/>
    </xf>
    <xf numFmtId="0" fontId="0" fillId="11" borderId="9" xfId="0" applyFill="1" applyBorder="1" applyAlignment="1">
      <alignment vertical="top" wrapText="1"/>
    </xf>
    <xf numFmtId="0" fontId="0" fillId="11" borderId="21" xfId="0" applyFill="1" applyBorder="1" applyAlignment="1">
      <alignment vertical="top" wrapText="1"/>
    </xf>
    <xf numFmtId="0" fontId="0" fillId="11" borderId="11" xfId="0" applyFill="1" applyBorder="1" applyAlignment="1">
      <alignment vertical="top" wrapText="1"/>
    </xf>
    <xf numFmtId="0" fontId="0" fillId="11" borderId="10" xfId="0" applyFill="1" applyBorder="1" applyAlignment="1">
      <alignment vertical="top" wrapText="1"/>
    </xf>
    <xf numFmtId="0" fontId="0" fillId="11" borderId="15" xfId="0" applyFill="1" applyBorder="1" applyAlignment="1">
      <alignment vertical="top" wrapText="1"/>
    </xf>
    <xf numFmtId="0" fontId="0" fillId="11" borderId="18" xfId="0" applyFill="1" applyBorder="1" applyAlignment="1">
      <alignment vertical="top" wrapText="1"/>
    </xf>
    <xf numFmtId="0" fontId="0" fillId="11" borderId="23" xfId="0" applyFill="1" applyBorder="1" applyAlignment="1">
      <alignment vertical="top" wrapText="1"/>
    </xf>
    <xf numFmtId="0" fontId="0" fillId="11" borderId="20" xfId="0" applyFill="1" applyBorder="1" applyAlignment="1">
      <alignment vertical="top" wrapText="1"/>
    </xf>
    <xf numFmtId="0" fontId="0" fillId="11" borderId="25" xfId="0" applyFill="1" applyBorder="1" applyAlignment="1">
      <alignment vertical="top" wrapText="1"/>
    </xf>
    <xf numFmtId="0" fontId="7" fillId="11" borderId="12" xfId="0" applyFont="1" applyFill="1" applyBorder="1" applyAlignment="1">
      <alignment wrapText="1"/>
    </xf>
    <xf numFmtId="0" fontId="7" fillId="11" borderId="13" xfId="0" applyFont="1" applyFill="1" applyBorder="1" applyAlignment="1">
      <alignment wrapText="1"/>
    </xf>
    <xf numFmtId="0" fontId="0" fillId="3" borderId="0" xfId="0" applyFill="1" applyAlignment="1">
      <alignment vertical="top" wrapText="1"/>
    </xf>
    <xf numFmtId="0" fontId="7" fillId="3" borderId="13" xfId="0" applyFont="1" applyFill="1" applyBorder="1" applyAlignment="1">
      <alignment wrapText="1"/>
    </xf>
    <xf numFmtId="0" fontId="7" fillId="3" borderId="14" xfId="0" applyFont="1" applyFill="1" applyBorder="1" applyAlignment="1">
      <alignment wrapText="1"/>
    </xf>
    <xf numFmtId="0" fontId="0" fillId="3" borderId="16" xfId="0" applyFill="1" applyBorder="1" applyAlignment="1">
      <alignment vertical="top" wrapText="1"/>
    </xf>
    <xf numFmtId="0" fontId="0" fillId="3" borderId="17" xfId="0" applyFill="1" applyBorder="1" applyAlignment="1">
      <alignment vertical="top" wrapText="1"/>
    </xf>
    <xf numFmtId="0" fontId="0" fillId="3" borderId="9" xfId="0" applyFill="1" applyBorder="1" applyAlignment="1">
      <alignment vertical="top" wrapText="1"/>
    </xf>
    <xf numFmtId="0" fontId="0" fillId="3" borderId="19" xfId="0" applyFill="1" applyBorder="1" applyAlignment="1">
      <alignment vertical="top" wrapText="1"/>
    </xf>
    <xf numFmtId="0" fontId="0" fillId="3" borderId="10" xfId="0" applyFill="1" applyBorder="1" applyAlignment="1">
      <alignment vertical="top" wrapText="1"/>
    </xf>
    <xf numFmtId="0" fontId="0" fillId="3" borderId="24" xfId="0" applyFill="1" applyBorder="1" applyAlignment="1">
      <alignment vertical="top" wrapText="1"/>
    </xf>
    <xf numFmtId="0" fontId="0" fillId="3" borderId="21" xfId="0" applyFill="1" applyBorder="1" applyAlignment="1">
      <alignment vertical="top" wrapText="1"/>
    </xf>
    <xf numFmtId="0" fontId="0" fillId="3" borderId="22" xfId="0" applyFill="1" applyBorder="1" applyAlignment="1">
      <alignment vertical="top" wrapText="1"/>
    </xf>
    <xf numFmtId="0" fontId="0" fillId="3" borderId="11" xfId="0" applyFill="1" applyBorder="1" applyAlignment="1">
      <alignment vertical="top" wrapText="1"/>
    </xf>
    <xf numFmtId="0" fontId="0" fillId="3" borderId="26" xfId="0" applyFill="1" applyBorder="1" applyAlignment="1">
      <alignment vertical="top" wrapText="1"/>
    </xf>
    <xf numFmtId="0" fontId="0" fillId="3" borderId="0" xfId="0" applyFill="1"/>
    <xf numFmtId="0" fontId="8" fillId="3" borderId="0" xfId="0" applyFont="1" applyFill="1" applyAlignment="1">
      <alignment horizontal="center" vertical="center" wrapText="1"/>
    </xf>
    <xf numFmtId="0" fontId="0" fillId="3" borderId="5" xfId="0" applyFill="1" applyBorder="1" applyAlignment="1">
      <alignment horizontal="left" textRotation="45"/>
    </xf>
    <xf numFmtId="0" fontId="11" fillId="3" borderId="0" xfId="0" applyFont="1" applyFill="1"/>
    <xf numFmtId="0" fontId="10" fillId="0" borderId="5" xfId="0" applyFont="1" applyBorder="1" applyAlignment="1">
      <alignment horizontal="center"/>
    </xf>
    <xf numFmtId="0" fontId="10" fillId="0" borderId="7" xfId="0" applyFont="1" applyBorder="1" applyAlignment="1">
      <alignment horizontal="center"/>
    </xf>
    <xf numFmtId="0" fontId="12" fillId="3" borderId="5" xfId="0" applyFont="1" applyFill="1" applyBorder="1" applyAlignment="1">
      <alignment horizontal="center" wrapText="1"/>
    </xf>
    <xf numFmtId="0" fontId="14" fillId="6" borderId="27" xfId="0" applyFont="1" applyFill="1" applyBorder="1"/>
    <xf numFmtId="0" fontId="11" fillId="2" borderId="27" xfId="0" applyFont="1" applyFill="1" applyBorder="1" applyAlignment="1">
      <alignment horizontal="center" vertical="center"/>
    </xf>
    <xf numFmtId="0" fontId="11" fillId="3" borderId="27" xfId="0" applyFont="1" applyFill="1" applyBorder="1" applyAlignment="1">
      <alignment horizontal="center" vertical="center"/>
    </xf>
    <xf numFmtId="0" fontId="11" fillId="2" borderId="28" xfId="0" applyFont="1" applyFill="1" applyBorder="1" applyAlignment="1">
      <alignment horizontal="center" vertical="center"/>
    </xf>
    <xf numFmtId="0" fontId="11" fillId="5" borderId="27" xfId="0" applyFont="1" applyFill="1" applyBorder="1" applyAlignment="1">
      <alignment horizontal="center" vertical="center"/>
    </xf>
    <xf numFmtId="0" fontId="11" fillId="5" borderId="28" xfId="0" applyFont="1" applyFill="1" applyBorder="1" applyAlignment="1">
      <alignment horizontal="center" vertical="center"/>
    </xf>
    <xf numFmtId="0" fontId="14" fillId="6" borderId="29" xfId="0" applyFont="1" applyFill="1" applyBorder="1"/>
    <xf numFmtId="0" fontId="11" fillId="2" borderId="29" xfId="0" applyFont="1" applyFill="1" applyBorder="1" applyAlignment="1">
      <alignment horizontal="center" vertical="center"/>
    </xf>
    <xf numFmtId="0" fontId="11" fillId="3" borderId="29" xfId="0" applyFont="1" applyFill="1" applyBorder="1" applyAlignment="1">
      <alignment horizontal="center" vertical="center"/>
    </xf>
    <xf numFmtId="0" fontId="11" fillId="2" borderId="30" xfId="0" applyFont="1" applyFill="1" applyBorder="1" applyAlignment="1">
      <alignment horizontal="center" vertical="center"/>
    </xf>
    <xf numFmtId="0" fontId="11" fillId="5" borderId="29" xfId="0" applyFont="1" applyFill="1" applyBorder="1" applyAlignment="1">
      <alignment horizontal="center" vertical="center"/>
    </xf>
    <xf numFmtId="0" fontId="11" fillId="5" borderId="30" xfId="0" applyFont="1" applyFill="1" applyBorder="1" applyAlignment="1">
      <alignment horizontal="center" vertical="center"/>
    </xf>
    <xf numFmtId="0" fontId="13" fillId="7" borderId="29" xfId="0" applyFont="1" applyFill="1" applyBorder="1"/>
    <xf numFmtId="0" fontId="13" fillId="8" borderId="29" xfId="0" applyFont="1" applyFill="1" applyBorder="1"/>
    <xf numFmtId="0" fontId="14" fillId="9" borderId="29" xfId="0" applyFont="1" applyFill="1" applyBorder="1"/>
    <xf numFmtId="0" fontId="13" fillId="10" borderId="29" xfId="0" applyFont="1" applyFill="1" applyBorder="1" applyAlignment="1">
      <alignment horizontal="left" vertical="center" readingOrder="1"/>
    </xf>
    <xf numFmtId="0" fontId="13" fillId="10" borderId="29" xfId="0" applyFont="1" applyFill="1" applyBorder="1"/>
    <xf numFmtId="0" fontId="13" fillId="10" borderId="31" xfId="0" applyFont="1" applyFill="1" applyBorder="1" applyAlignment="1">
      <alignment horizontal="left" vertical="center" readingOrder="1"/>
    </xf>
    <xf numFmtId="0" fontId="13" fillId="10" borderId="31" xfId="0" applyFont="1" applyFill="1" applyBorder="1"/>
    <xf numFmtId="0" fontId="11" fillId="2" borderId="31" xfId="0" applyFont="1" applyFill="1" applyBorder="1" applyAlignment="1">
      <alignment horizontal="center" vertical="center"/>
    </xf>
    <xf numFmtId="0" fontId="11" fillId="3" borderId="31" xfId="0" applyFont="1" applyFill="1" applyBorder="1" applyAlignment="1">
      <alignment horizontal="center" vertical="center"/>
    </xf>
    <xf numFmtId="0" fontId="11" fillId="2" borderId="32" xfId="0" applyFont="1" applyFill="1" applyBorder="1" applyAlignment="1">
      <alignment horizontal="center" vertical="center"/>
    </xf>
    <xf numFmtId="0" fontId="11" fillId="5" borderId="31" xfId="0" applyFont="1" applyFill="1" applyBorder="1" applyAlignment="1">
      <alignment horizontal="center" vertical="center"/>
    </xf>
    <xf numFmtId="0" fontId="11" fillId="5" borderId="32" xfId="0" applyFont="1" applyFill="1" applyBorder="1" applyAlignment="1">
      <alignment horizontal="center" vertical="center"/>
    </xf>
    <xf numFmtId="0" fontId="13" fillId="2" borderId="5" xfId="0" applyFont="1" applyFill="1" applyBorder="1" applyAlignment="1">
      <alignment horizontal="center" textRotation="90" wrapText="1"/>
    </xf>
    <xf numFmtId="0" fontId="13" fillId="3" borderId="5" xfId="0" applyFont="1" applyFill="1" applyBorder="1" applyAlignment="1">
      <alignment horizontal="center" textRotation="90" wrapText="1"/>
    </xf>
    <xf numFmtId="0" fontId="13" fillId="2" borderId="7" xfId="0" applyFont="1" applyFill="1" applyBorder="1" applyAlignment="1">
      <alignment horizontal="center" textRotation="90" wrapText="1"/>
    </xf>
    <xf numFmtId="0" fontId="13" fillId="5" borderId="5" xfId="0" applyFont="1" applyFill="1" applyBorder="1" applyAlignment="1">
      <alignment horizontal="center" textRotation="90" wrapText="1"/>
    </xf>
    <xf numFmtId="0" fontId="13" fillId="5" borderId="7" xfId="0" applyFont="1" applyFill="1" applyBorder="1" applyAlignment="1">
      <alignment horizontal="center" textRotation="90" wrapText="1"/>
    </xf>
    <xf numFmtId="0" fontId="13" fillId="0" borderId="5" xfId="0" applyFont="1" applyBorder="1" applyAlignment="1">
      <alignment horizontal="center" textRotation="90" wrapText="1"/>
    </xf>
    <xf numFmtId="0" fontId="0" fillId="3" borderId="0" xfId="0" applyFill="1" applyBorder="1"/>
    <xf numFmtId="0" fontId="0" fillId="3" borderId="0" xfId="0" applyFill="1" applyBorder="1" applyAlignment="1">
      <alignment horizontal="center" vertical="center"/>
    </xf>
    <xf numFmtId="0" fontId="9" fillId="12" borderId="0" xfId="0" applyFont="1" applyFill="1" applyAlignment="1">
      <alignment horizontal="left" vertical="top" wrapText="1"/>
    </xf>
    <xf numFmtId="0" fontId="16" fillId="12" borderId="0" xfId="0" applyFont="1" applyFill="1" applyAlignment="1">
      <alignment horizontal="left" vertical="top" wrapText="1"/>
    </xf>
    <xf numFmtId="0" fontId="16" fillId="12" borderId="6" xfId="0" applyFont="1" applyFill="1" applyBorder="1" applyAlignment="1">
      <alignment horizontal="left" vertical="top"/>
    </xf>
    <xf numFmtId="0" fontId="16" fillId="12" borderId="0" xfId="0" applyFont="1" applyFill="1" applyAlignment="1">
      <alignment horizontal="left" vertical="top"/>
    </xf>
    <xf numFmtId="0" fontId="10" fillId="4" borderId="8" xfId="0" applyFont="1" applyFill="1" applyBorder="1" applyAlignment="1">
      <alignment horizontal="center" vertical="center"/>
    </xf>
    <xf numFmtId="0" fontId="10" fillId="4" borderId="0" xfId="0" applyFont="1" applyFill="1" applyAlignment="1">
      <alignment horizontal="center" vertical="center"/>
    </xf>
    <xf numFmtId="0" fontId="12" fillId="3" borderId="8" xfId="0" applyFont="1" applyFill="1" applyBorder="1" applyAlignment="1">
      <alignment horizontal="center" vertical="center" wrapText="1"/>
    </xf>
    <xf numFmtId="0" fontId="12" fillId="3" borderId="0" xfId="0" applyFont="1" applyFill="1" applyAlignment="1">
      <alignment horizontal="center" vertical="center" wrapText="1"/>
    </xf>
    <xf numFmtId="0" fontId="12" fillId="3" borderId="6" xfId="0" applyFont="1" applyFill="1" applyBorder="1" applyAlignment="1">
      <alignment horizontal="center" vertical="center" wrapText="1"/>
    </xf>
    <xf numFmtId="0" fontId="10" fillId="5" borderId="8" xfId="0" applyFont="1" applyFill="1" applyBorder="1" applyAlignment="1">
      <alignment horizontal="center" vertical="center"/>
    </xf>
    <xf numFmtId="0" fontId="10" fillId="5" borderId="0" xfId="0" applyFont="1" applyFill="1" applyAlignment="1">
      <alignment horizontal="center" vertical="center"/>
    </xf>
    <xf numFmtId="0" fontId="0" fillId="3" borderId="0" xfId="0" applyFill="1" applyAlignment="1">
      <alignment horizontal="left" vertical="center" wrapText="1"/>
    </xf>
  </cellXfs>
  <cellStyles count="9">
    <cellStyle name="Heading 1" xfId="4" builtinId="16" customBuiltin="1"/>
    <cellStyle name="Heading 2" xfId="5" builtinId="17" customBuiltin="1"/>
    <cellStyle name="Heading 3" xfId="6" builtinId="18" customBuiltin="1"/>
    <cellStyle name="Heading 4" xfId="7" builtinId="19" customBuiltin="1"/>
    <cellStyle name="Normal" xfId="0" builtinId="0" customBuiltin="1"/>
    <cellStyle name="Normal 2" xfId="1" xr:uid="{3BC9F2CF-8901-4C70-95BB-124ECC97EC00}"/>
    <cellStyle name="Normal 2 2" xfId="2" xr:uid="{56E6692E-1E4C-4661-A89E-345772A97718}"/>
    <cellStyle name="Title" xfId="3" builtinId="15" customBuiltin="1"/>
    <cellStyle name="Total" xfId="8" builtinId="25" customBuiltin="1"/>
  </cellStyles>
  <dxfs count="0"/>
  <tableStyles count="0" defaultTableStyle="TableStyleMedium2" defaultPivotStyle="PivotStyleLight16"/>
  <colors>
    <mruColors>
      <color rgb="FF44546A"/>
      <color rgb="FFF19500"/>
      <color rgb="FF1C3567"/>
      <color rgb="FF99B63C"/>
      <color rgb="FFFAD307"/>
      <color rgb="FF008CBE"/>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worksheet" Target="worksheets/sheet3.xml"/><Relationship Id="rId7" Type="http://schemas.openxmlformats.org/officeDocument/2006/relationships/customXml" Target="../customXml/item1.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haredStrings" Target="sharedStrings.xml"/><Relationship Id="rId11" Type="http://schemas.openxmlformats.org/officeDocument/2006/relationships/customXml" Target="../customXml/item5.xml"/><Relationship Id="rId5" Type="http://schemas.openxmlformats.org/officeDocument/2006/relationships/styles" Target="styles.xml"/><Relationship Id="rId10" Type="http://schemas.openxmlformats.org/officeDocument/2006/relationships/customXml" Target="../customXml/item4.xml"/><Relationship Id="rId4" Type="http://schemas.openxmlformats.org/officeDocument/2006/relationships/theme" Target="theme/theme1.xml"/><Relationship Id="rId9" Type="http://schemas.openxmlformats.org/officeDocument/2006/relationships/customXml" Target="../customXml/item3.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drawing1.xml><?xml version="1.0" encoding="utf-8"?>
<xdr:wsDr xmlns:xdr="http://schemas.openxmlformats.org/drawingml/2006/spreadsheetDrawing" xmlns:a="http://schemas.openxmlformats.org/drawingml/2006/main">
  <xdr:twoCellAnchor editAs="oneCell">
    <xdr:from>
      <xdr:col>0</xdr:col>
      <xdr:colOff>462642</xdr:colOff>
      <xdr:row>3</xdr:row>
      <xdr:rowOff>375556</xdr:rowOff>
    </xdr:from>
    <xdr:to>
      <xdr:col>1</xdr:col>
      <xdr:colOff>2235345</xdr:colOff>
      <xdr:row>3</xdr:row>
      <xdr:rowOff>660199</xdr:rowOff>
    </xdr:to>
    <xdr:pic>
      <xdr:nvPicPr>
        <xdr:cNvPr id="2" name="Picture 1">
          <a:extLst>
            <a:ext uri="{FF2B5EF4-FFF2-40B4-BE49-F238E27FC236}">
              <a16:creationId xmlns:a16="http://schemas.microsoft.com/office/drawing/2014/main" id="{15375F2C-17A4-0247-624E-DA08222264A8}"/>
            </a:ext>
          </a:extLst>
        </xdr:cNvPr>
        <xdr:cNvPicPr>
          <a:picLocks noChangeAspect="1"/>
        </xdr:cNvPicPr>
      </xdr:nvPicPr>
      <xdr:blipFill>
        <a:blip xmlns:r="http://schemas.openxmlformats.org/officeDocument/2006/relationships" r:embed="rId1"/>
        <a:stretch>
          <a:fillRect/>
        </a:stretch>
      </xdr:blipFill>
      <xdr:spPr>
        <a:xfrm>
          <a:off x="462642" y="914399"/>
          <a:ext cx="2469389" cy="284643"/>
        </a:xfrm>
        <a:prstGeom prst="rect">
          <a:avLst/>
        </a:prstGeom>
      </xdr:spPr>
    </xdr:pic>
    <xdr:clientData/>
  </xdr:twoCellAnchor>
</xdr:wsDr>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E4C3284-402B-4B3F-B38B-F88BC7DEA86F}">
  <dimension ref="C4:O4"/>
  <sheetViews>
    <sheetView tabSelected="1" workbookViewId="0">
      <selection activeCell="E16" sqref="E16"/>
    </sheetView>
  </sheetViews>
  <sheetFormatPr defaultRowHeight="14.15" x14ac:dyDescent="0.35"/>
  <cols>
    <col min="1" max="1" width="9.140625" style="28"/>
    <col min="2" max="2" width="30.85546875" style="28" customWidth="1"/>
    <col min="3" max="16384" width="9.140625" style="28"/>
  </cols>
  <sheetData>
    <row r="4" spans="3:15" ht="90" customHeight="1" x14ac:dyDescent="0.35">
      <c r="C4" s="78" t="s">
        <v>113</v>
      </c>
      <c r="D4" s="78"/>
      <c r="E4" s="78"/>
      <c r="F4" s="78"/>
      <c r="G4" s="78"/>
      <c r="H4" s="78"/>
      <c r="I4" s="78"/>
      <c r="J4" s="78"/>
      <c r="K4" s="78"/>
      <c r="L4" s="78"/>
      <c r="M4" s="78"/>
      <c r="N4" s="78"/>
      <c r="O4" s="78"/>
    </row>
  </sheetData>
  <sheetProtection algorithmName="SHA-512" hashValue="lBkT6ZEEf/8jIW+MqASyhhFqDXluEJOerXyb7NssV8XaGhy2jz0D+Hrk47RlVHvsYUGDJW6jjCgSQShtCwbJBw==" saltValue="wzjtGVsI4VW7LP2FvzTATg==" spinCount="100000" sheet="1" objects="1" scenarios="1"/>
  <mergeCells count="1">
    <mergeCell ref="C4:O4"/>
  </mergeCells>
  <pageMargins left="0.7" right="0.7" top="0.75" bottom="0.75" header="0.3" footer="0.3"/>
  <drawing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9AB1B63-3A40-41E9-839F-19DBD050612E}">
  <dimension ref="B2:G17"/>
  <sheetViews>
    <sheetView workbookViewId="0">
      <selection activeCell="D6" sqref="D6"/>
    </sheetView>
  </sheetViews>
  <sheetFormatPr defaultColWidth="8.78515625" defaultRowHeight="14.15" x14ac:dyDescent="0.35"/>
  <cols>
    <col min="1" max="1" width="2.5" style="15" customWidth="1"/>
    <col min="2" max="2" width="3.5" style="15" hidden="1" customWidth="1"/>
    <col min="3" max="3" width="25.7109375" style="15" customWidth="1"/>
    <col min="4" max="4" width="39.78515625" style="15" customWidth="1"/>
    <col min="5" max="5" width="7.7109375" style="15" bestFit="1" customWidth="1"/>
    <col min="6" max="6" width="36.92578125" style="15" bestFit="1" customWidth="1"/>
    <col min="7" max="7" width="29.92578125" style="15" bestFit="1" customWidth="1"/>
    <col min="8" max="16384" width="8.78515625" style="15"/>
  </cols>
  <sheetData>
    <row r="2" spans="2:7" ht="41.4" customHeight="1" x14ac:dyDescent="0.35">
      <c r="C2" s="67" t="s">
        <v>112</v>
      </c>
      <c r="D2" s="67"/>
      <c r="E2" s="67"/>
      <c r="F2" s="67"/>
      <c r="G2" s="67"/>
    </row>
    <row r="3" spans="2:7" ht="14.6" thickBot="1" x14ac:dyDescent="0.4"/>
    <row r="4" spans="2:7" ht="42.9" thickBot="1" x14ac:dyDescent="0.4">
      <c r="C4" s="13" t="s">
        <v>82</v>
      </c>
      <c r="D4" s="14" t="s">
        <v>83</v>
      </c>
      <c r="E4" s="14" t="s">
        <v>107</v>
      </c>
      <c r="F4" s="16" t="s">
        <v>109</v>
      </c>
      <c r="G4" s="17" t="s">
        <v>108</v>
      </c>
    </row>
    <row r="5" spans="2:7" x14ac:dyDescent="0.35">
      <c r="B5" s="15">
        <v>1</v>
      </c>
      <c r="C5" s="8" t="s">
        <v>79</v>
      </c>
      <c r="D5" s="3" t="s">
        <v>86</v>
      </c>
      <c r="E5" s="3">
        <v>6</v>
      </c>
      <c r="F5" s="18"/>
      <c r="G5" s="19"/>
    </row>
    <row r="6" spans="2:7" ht="28.3" x14ac:dyDescent="0.35">
      <c r="B6" s="15">
        <v>2</v>
      </c>
      <c r="C6" s="9" t="s">
        <v>85</v>
      </c>
      <c r="D6" s="4" t="s">
        <v>87</v>
      </c>
      <c r="E6" s="4">
        <v>4</v>
      </c>
      <c r="F6" s="20"/>
      <c r="G6" s="21"/>
    </row>
    <row r="7" spans="2:7" ht="42.45" x14ac:dyDescent="0.35">
      <c r="B7" s="15">
        <v>3</v>
      </c>
      <c r="C7" s="10" t="s">
        <v>80</v>
      </c>
      <c r="D7" s="7" t="s">
        <v>92</v>
      </c>
      <c r="E7" s="7">
        <v>2</v>
      </c>
      <c r="F7" s="22"/>
      <c r="G7" s="23"/>
    </row>
    <row r="8" spans="2:7" ht="28.75" thickBot="1" x14ac:dyDescent="0.4">
      <c r="B8" s="15">
        <v>4</v>
      </c>
      <c r="C8" s="11" t="s">
        <v>88</v>
      </c>
      <c r="D8" s="5" t="s">
        <v>89</v>
      </c>
      <c r="E8" s="5">
        <v>3</v>
      </c>
      <c r="F8" s="24"/>
      <c r="G8" s="25"/>
    </row>
    <row r="9" spans="2:7" ht="28.3" x14ac:dyDescent="0.35">
      <c r="B9" s="15">
        <v>5</v>
      </c>
      <c r="C9" s="8" t="s">
        <v>81</v>
      </c>
      <c r="D9" s="3" t="s">
        <v>84</v>
      </c>
      <c r="E9" s="3">
        <v>5</v>
      </c>
      <c r="F9" s="18"/>
      <c r="G9" s="19"/>
    </row>
    <row r="10" spans="2:7" ht="42" customHeight="1" thickBot="1" x14ac:dyDescent="0.4">
      <c r="B10" s="15">
        <v>6</v>
      </c>
      <c r="C10" s="11" t="s">
        <v>90</v>
      </c>
      <c r="D10" s="5" t="s">
        <v>91</v>
      </c>
      <c r="E10" s="5">
        <v>6</v>
      </c>
      <c r="F10" s="24"/>
      <c r="G10" s="25"/>
    </row>
    <row r="11" spans="2:7" ht="28.3" x14ac:dyDescent="0.35">
      <c r="B11" s="15">
        <v>7</v>
      </c>
      <c r="C11" s="8" t="s">
        <v>93</v>
      </c>
      <c r="D11" s="3" t="s">
        <v>94</v>
      </c>
      <c r="E11" s="3"/>
      <c r="F11" s="18"/>
      <c r="G11" s="19"/>
    </row>
    <row r="12" spans="2:7" ht="42.9" thickBot="1" x14ac:dyDescent="0.4">
      <c r="B12" s="15">
        <v>8</v>
      </c>
      <c r="C12" s="11" t="s">
        <v>95</v>
      </c>
      <c r="D12" s="5" t="s">
        <v>96</v>
      </c>
      <c r="E12" s="5">
        <v>1</v>
      </c>
      <c r="F12" s="24"/>
      <c r="G12" s="25"/>
    </row>
    <row r="13" spans="2:7" x14ac:dyDescent="0.35">
      <c r="B13" s="15">
        <v>9</v>
      </c>
      <c r="C13" s="8" t="s">
        <v>97</v>
      </c>
      <c r="D13" s="3" t="s">
        <v>104</v>
      </c>
      <c r="E13" s="3"/>
      <c r="F13" s="18"/>
      <c r="G13" s="19"/>
    </row>
    <row r="14" spans="2:7" x14ac:dyDescent="0.35">
      <c r="C14" s="12" t="s">
        <v>98</v>
      </c>
      <c r="D14" s="4" t="s">
        <v>105</v>
      </c>
      <c r="E14" s="6"/>
      <c r="F14" s="26"/>
      <c r="G14" s="27"/>
    </row>
    <row r="15" spans="2:7" ht="28.3" x14ac:dyDescent="0.35">
      <c r="B15" s="15">
        <v>10</v>
      </c>
      <c r="C15" s="9" t="s">
        <v>102</v>
      </c>
      <c r="D15" s="4" t="s">
        <v>106</v>
      </c>
      <c r="E15" s="4"/>
      <c r="F15" s="20"/>
      <c r="G15" s="21"/>
    </row>
    <row r="16" spans="2:7" ht="28.3" x14ac:dyDescent="0.35">
      <c r="B16" s="15">
        <v>11</v>
      </c>
      <c r="C16" s="9" t="s">
        <v>101</v>
      </c>
      <c r="D16" s="4" t="s">
        <v>100</v>
      </c>
      <c r="E16" s="4"/>
      <c r="F16" s="20"/>
      <c r="G16" s="21"/>
    </row>
    <row r="17" spans="2:7" ht="28.75" thickBot="1" x14ac:dyDescent="0.4">
      <c r="B17" s="15">
        <v>12</v>
      </c>
      <c r="C17" s="11" t="s">
        <v>99</v>
      </c>
      <c r="D17" s="5" t="s">
        <v>103</v>
      </c>
      <c r="E17" s="5"/>
      <c r="F17" s="24"/>
      <c r="G17" s="25"/>
    </row>
  </sheetData>
  <sheetProtection algorithmName="SHA-512" hashValue="E8Eaga/Tklf/C/c3mHtrO9QZA0pPXBx3iwRlY7iT0imCKK+i6gHRnJo0NgwUUThuZMF8SYNzdCjqj3RlNOAQDg==" saltValue="vl6HkEZF7xtPq3B/EDyqIA==" spinCount="100000" sheet="1" objects="1" scenarios="1"/>
  <protectedRanges>
    <protectedRange sqref="F5:G17" name="Range1"/>
  </protectedRanges>
  <mergeCells count="1">
    <mergeCell ref="C2:G2"/>
  </mergeCells>
  <pageMargins left="0.7" right="0.7" top="0.75" bottom="0.75" header="0.3" footer="0.3"/>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D504E6-FF23-42EF-A4AB-971259469FAD}">
  <dimension ref="A1:CM29"/>
  <sheetViews>
    <sheetView zoomScale="40" zoomScaleNormal="40" workbookViewId="0">
      <pane xSplit="2" ySplit="2" topLeftCell="C3" activePane="bottomRight" state="frozen"/>
      <selection pane="topRight" activeCell="C1" sqref="C1"/>
      <selection pane="bottomLeft" activeCell="A3" sqref="A3"/>
      <selection pane="bottomRight" activeCell="AQ17" sqref="AQ17"/>
    </sheetView>
  </sheetViews>
  <sheetFormatPr defaultColWidth="8.7109375" defaultRowHeight="14.15" x14ac:dyDescent="0.35"/>
  <cols>
    <col min="1" max="1" width="45.0703125" style="65" customWidth="1"/>
    <col min="2" max="2" width="81.2109375" style="65" customWidth="1"/>
    <col min="3" max="31" width="8.2109375" style="66" customWidth="1"/>
    <col min="32" max="32" width="9.7109375" style="66" customWidth="1"/>
    <col min="33" max="68" width="8.2109375" style="66" customWidth="1"/>
    <col min="69" max="69" width="9.7109375" style="66" customWidth="1"/>
    <col min="70" max="84" width="8.2109375" style="66" customWidth="1"/>
    <col min="85" max="85" width="65.5703125" style="66" customWidth="1"/>
    <col min="86" max="86" width="8.2109375" style="66" customWidth="1"/>
    <col min="87" max="16384" width="8.7109375" style="66"/>
  </cols>
  <sheetData>
    <row r="1" spans="1:91" s="28" customFormat="1" ht="15.45" x14ac:dyDescent="0.35">
      <c r="A1" s="68" t="s">
        <v>111</v>
      </c>
      <c r="B1" s="69"/>
      <c r="C1" s="71" t="s">
        <v>0</v>
      </c>
      <c r="D1" s="72"/>
      <c r="E1" s="72"/>
      <c r="F1" s="72"/>
      <c r="G1" s="72"/>
      <c r="H1" s="72"/>
      <c r="I1" s="72"/>
      <c r="J1" s="72"/>
      <c r="K1" s="72"/>
      <c r="L1" s="72"/>
      <c r="M1" s="72"/>
      <c r="N1" s="72"/>
      <c r="O1" s="72"/>
      <c r="P1" s="72"/>
      <c r="Q1" s="72"/>
      <c r="R1" s="72"/>
      <c r="S1" s="72"/>
      <c r="T1" s="72"/>
      <c r="U1" s="72"/>
      <c r="V1" s="72"/>
      <c r="W1" s="72"/>
      <c r="X1" s="72"/>
      <c r="Y1" s="72"/>
      <c r="Z1" s="72"/>
      <c r="AA1" s="72"/>
      <c r="AB1" s="72"/>
      <c r="AC1" s="72"/>
      <c r="AD1" s="72"/>
      <c r="AE1" s="72"/>
      <c r="AF1" s="72"/>
      <c r="AG1" s="72"/>
      <c r="AH1" s="72"/>
      <c r="AI1" s="72"/>
      <c r="AJ1" s="72"/>
      <c r="AK1" s="72"/>
      <c r="AL1" s="72"/>
      <c r="AM1" s="72"/>
      <c r="AN1" s="76" t="s">
        <v>1</v>
      </c>
      <c r="AO1" s="77"/>
      <c r="AP1" s="77"/>
      <c r="AQ1" s="77"/>
      <c r="AR1" s="77"/>
      <c r="AS1" s="77"/>
      <c r="AT1" s="77"/>
      <c r="AU1" s="77"/>
      <c r="AV1" s="77"/>
      <c r="AW1" s="77"/>
      <c r="AX1" s="77"/>
      <c r="AY1" s="77"/>
      <c r="AZ1" s="77"/>
      <c r="BA1" s="77"/>
      <c r="BB1" s="77"/>
      <c r="BC1" s="77"/>
      <c r="BD1" s="77"/>
      <c r="BE1" s="77"/>
      <c r="BF1" s="77"/>
      <c r="BG1" s="77"/>
      <c r="BH1" s="77"/>
      <c r="BI1" s="77"/>
      <c r="BJ1" s="77"/>
      <c r="BK1" s="77"/>
      <c r="BL1" s="77"/>
      <c r="BM1" s="77"/>
      <c r="BN1" s="77"/>
      <c r="BO1" s="77"/>
      <c r="BP1" s="77"/>
      <c r="BQ1" s="77"/>
      <c r="BR1" s="77"/>
      <c r="BS1" s="77"/>
      <c r="BT1" s="77"/>
      <c r="BU1" s="77"/>
      <c r="BV1" s="77"/>
      <c r="BW1" s="77"/>
      <c r="BX1" s="77"/>
      <c r="BY1" s="77"/>
      <c r="BZ1" s="77"/>
      <c r="CA1" s="77"/>
      <c r="CB1" s="77"/>
      <c r="CC1" s="77"/>
      <c r="CD1" s="77"/>
      <c r="CE1" s="77"/>
      <c r="CF1" s="77"/>
      <c r="CG1" s="31"/>
    </row>
    <row r="2" spans="1:91" s="28" customFormat="1" ht="35.4" customHeight="1" x14ac:dyDescent="0.35">
      <c r="A2" s="70"/>
      <c r="B2" s="69"/>
      <c r="C2" s="73" t="s">
        <v>2</v>
      </c>
      <c r="D2" s="74"/>
      <c r="E2" s="74"/>
      <c r="F2" s="74"/>
      <c r="G2" s="74"/>
      <c r="H2" s="74"/>
      <c r="I2" s="74"/>
      <c r="J2" s="74"/>
      <c r="K2" s="74"/>
      <c r="L2" s="74"/>
      <c r="M2" s="75"/>
      <c r="N2" s="73" t="s">
        <v>3</v>
      </c>
      <c r="O2" s="74"/>
      <c r="P2" s="74"/>
      <c r="Q2" s="74"/>
      <c r="R2" s="74"/>
      <c r="S2" s="74"/>
      <c r="T2" s="74"/>
      <c r="U2" s="74"/>
      <c r="V2" s="74"/>
      <c r="W2" s="74"/>
      <c r="X2" s="74"/>
      <c r="Y2" s="74"/>
      <c r="Z2" s="73" t="s">
        <v>4</v>
      </c>
      <c r="AA2" s="74"/>
      <c r="AB2" s="74"/>
      <c r="AC2" s="74"/>
      <c r="AD2" s="74"/>
      <c r="AE2" s="74"/>
      <c r="AF2" s="74"/>
      <c r="AG2" s="75"/>
      <c r="AH2" s="73" t="s">
        <v>5</v>
      </c>
      <c r="AI2" s="74"/>
      <c r="AJ2" s="74"/>
      <c r="AK2" s="74"/>
      <c r="AL2" s="74"/>
      <c r="AM2" s="74"/>
      <c r="AN2" s="73" t="s">
        <v>2</v>
      </c>
      <c r="AO2" s="74"/>
      <c r="AP2" s="74"/>
      <c r="AQ2" s="74"/>
      <c r="AR2" s="74"/>
      <c r="AS2" s="74"/>
      <c r="AT2" s="74"/>
      <c r="AU2" s="74"/>
      <c r="AV2" s="74"/>
      <c r="AW2" s="74"/>
      <c r="AX2" s="74"/>
      <c r="AY2" s="73" t="s">
        <v>3</v>
      </c>
      <c r="AZ2" s="74"/>
      <c r="BA2" s="74"/>
      <c r="BB2" s="74"/>
      <c r="BC2" s="74"/>
      <c r="BD2" s="74"/>
      <c r="BE2" s="74"/>
      <c r="BF2" s="74"/>
      <c r="BG2" s="74"/>
      <c r="BH2" s="74"/>
      <c r="BI2" s="74"/>
      <c r="BJ2" s="75"/>
      <c r="BK2" s="73" t="s">
        <v>4</v>
      </c>
      <c r="BL2" s="74"/>
      <c r="BM2" s="74"/>
      <c r="BN2" s="74"/>
      <c r="BO2" s="74"/>
      <c r="BP2" s="74"/>
      <c r="BQ2" s="74"/>
      <c r="BR2" s="75"/>
      <c r="BS2" s="73" t="s">
        <v>5</v>
      </c>
      <c r="BT2" s="74"/>
      <c r="BU2" s="74"/>
      <c r="BV2" s="74"/>
      <c r="BW2" s="74"/>
      <c r="BX2" s="75"/>
      <c r="BY2" s="73" t="s">
        <v>6</v>
      </c>
      <c r="BZ2" s="74"/>
      <c r="CA2" s="74"/>
      <c r="CB2" s="74"/>
      <c r="CC2" s="74"/>
      <c r="CD2" s="74"/>
      <c r="CE2" s="74"/>
      <c r="CF2" s="74"/>
      <c r="CG2" s="74"/>
      <c r="CH2" s="29"/>
      <c r="CI2" s="29"/>
      <c r="CJ2" s="29"/>
      <c r="CK2" s="29"/>
      <c r="CL2" s="29"/>
      <c r="CM2" s="29"/>
    </row>
    <row r="3" spans="1:91" s="30" customFormat="1" ht="172.2" customHeight="1" x14ac:dyDescent="0.4">
      <c r="A3" s="32" t="s">
        <v>110</v>
      </c>
      <c r="B3" s="33" t="s">
        <v>79</v>
      </c>
      <c r="C3" s="59" t="s">
        <v>7</v>
      </c>
      <c r="D3" s="60" t="s">
        <v>8</v>
      </c>
      <c r="E3" s="59" t="s">
        <v>9</v>
      </c>
      <c r="F3" s="60" t="s">
        <v>10</v>
      </c>
      <c r="G3" s="59" t="s">
        <v>11</v>
      </c>
      <c r="H3" s="60" t="s">
        <v>12</v>
      </c>
      <c r="I3" s="59" t="s">
        <v>13</v>
      </c>
      <c r="J3" s="60" t="s">
        <v>14</v>
      </c>
      <c r="K3" s="59" t="s">
        <v>15</v>
      </c>
      <c r="L3" s="60" t="s">
        <v>16</v>
      </c>
      <c r="M3" s="61" t="s">
        <v>17</v>
      </c>
      <c r="N3" s="60" t="s">
        <v>18</v>
      </c>
      <c r="O3" s="59" t="s">
        <v>19</v>
      </c>
      <c r="P3" s="60" t="s">
        <v>20</v>
      </c>
      <c r="Q3" s="59" t="s">
        <v>21</v>
      </c>
      <c r="R3" s="60" t="s">
        <v>22</v>
      </c>
      <c r="S3" s="59" t="s">
        <v>23</v>
      </c>
      <c r="T3" s="60" t="s">
        <v>24</v>
      </c>
      <c r="U3" s="59" t="s">
        <v>25</v>
      </c>
      <c r="V3" s="60" t="s">
        <v>26</v>
      </c>
      <c r="W3" s="59" t="s">
        <v>27</v>
      </c>
      <c r="X3" s="60" t="s">
        <v>28</v>
      </c>
      <c r="Y3" s="61" t="s">
        <v>29</v>
      </c>
      <c r="Z3" s="60" t="s">
        <v>30</v>
      </c>
      <c r="AA3" s="59" t="s">
        <v>31</v>
      </c>
      <c r="AB3" s="60" t="s">
        <v>32</v>
      </c>
      <c r="AC3" s="59" t="s">
        <v>33</v>
      </c>
      <c r="AD3" s="60" t="s">
        <v>34</v>
      </c>
      <c r="AE3" s="59" t="s">
        <v>35</v>
      </c>
      <c r="AF3" s="60" t="s">
        <v>36</v>
      </c>
      <c r="AG3" s="61" t="s">
        <v>37</v>
      </c>
      <c r="AH3" s="60" t="s">
        <v>38</v>
      </c>
      <c r="AI3" s="59" t="s">
        <v>39</v>
      </c>
      <c r="AJ3" s="60" t="s">
        <v>40</v>
      </c>
      <c r="AK3" s="59" t="s">
        <v>41</v>
      </c>
      <c r="AL3" s="60" t="s">
        <v>42</v>
      </c>
      <c r="AM3" s="61" t="s">
        <v>43</v>
      </c>
      <c r="AN3" s="62" t="s">
        <v>7</v>
      </c>
      <c r="AO3" s="60" t="s">
        <v>8</v>
      </c>
      <c r="AP3" s="62" t="s">
        <v>9</v>
      </c>
      <c r="AQ3" s="60" t="s">
        <v>10</v>
      </c>
      <c r="AR3" s="62" t="s">
        <v>11</v>
      </c>
      <c r="AS3" s="60" t="s">
        <v>12</v>
      </c>
      <c r="AT3" s="62" t="s">
        <v>13</v>
      </c>
      <c r="AU3" s="60" t="s">
        <v>14</v>
      </c>
      <c r="AV3" s="62" t="s">
        <v>15</v>
      </c>
      <c r="AW3" s="60" t="s">
        <v>16</v>
      </c>
      <c r="AX3" s="63" t="s">
        <v>17</v>
      </c>
      <c r="AY3" s="60" t="s">
        <v>18</v>
      </c>
      <c r="AZ3" s="62" t="s">
        <v>19</v>
      </c>
      <c r="BA3" s="60" t="s">
        <v>20</v>
      </c>
      <c r="BB3" s="62" t="s">
        <v>21</v>
      </c>
      <c r="BC3" s="60" t="s">
        <v>22</v>
      </c>
      <c r="BD3" s="62" t="s">
        <v>23</v>
      </c>
      <c r="BE3" s="60" t="s">
        <v>24</v>
      </c>
      <c r="BF3" s="62" t="s">
        <v>25</v>
      </c>
      <c r="BG3" s="60" t="s">
        <v>26</v>
      </c>
      <c r="BH3" s="62" t="s">
        <v>27</v>
      </c>
      <c r="BI3" s="60" t="s">
        <v>28</v>
      </c>
      <c r="BJ3" s="63" t="s">
        <v>29</v>
      </c>
      <c r="BK3" s="60" t="s">
        <v>30</v>
      </c>
      <c r="BL3" s="62" t="s">
        <v>31</v>
      </c>
      <c r="BM3" s="60" t="s">
        <v>32</v>
      </c>
      <c r="BN3" s="62" t="s">
        <v>33</v>
      </c>
      <c r="BO3" s="60" t="s">
        <v>34</v>
      </c>
      <c r="BP3" s="62" t="s">
        <v>35</v>
      </c>
      <c r="BQ3" s="60" t="s">
        <v>36</v>
      </c>
      <c r="BR3" s="63" t="s">
        <v>37</v>
      </c>
      <c r="BS3" s="60" t="s">
        <v>38</v>
      </c>
      <c r="BT3" s="62" t="s">
        <v>39</v>
      </c>
      <c r="BU3" s="60" t="s">
        <v>40</v>
      </c>
      <c r="BV3" s="62" t="s">
        <v>41</v>
      </c>
      <c r="BW3" s="60" t="s">
        <v>42</v>
      </c>
      <c r="BX3" s="63" t="s">
        <v>43</v>
      </c>
      <c r="BY3" s="64" t="s">
        <v>45</v>
      </c>
      <c r="BZ3" s="62" t="s">
        <v>45</v>
      </c>
      <c r="CA3" s="64" t="s">
        <v>45</v>
      </c>
      <c r="CB3" s="62" t="s">
        <v>45</v>
      </c>
      <c r="CC3" s="64" t="s">
        <v>45</v>
      </c>
      <c r="CD3" s="62" t="s">
        <v>45</v>
      </c>
      <c r="CE3" s="64" t="s">
        <v>45</v>
      </c>
      <c r="CF3" s="62" t="s">
        <v>46</v>
      </c>
      <c r="CG3" s="34" t="s">
        <v>44</v>
      </c>
      <c r="CH3" s="1"/>
      <c r="CI3" s="1"/>
      <c r="CJ3" s="1"/>
      <c r="CK3" s="1"/>
      <c r="CL3" s="1"/>
    </row>
    <row r="4" spans="1:91" s="2" customFormat="1" ht="22.95" customHeight="1" x14ac:dyDescent="0.35">
      <c r="A4" s="35" t="s">
        <v>47</v>
      </c>
      <c r="B4" s="35" t="s">
        <v>48</v>
      </c>
      <c r="C4" s="36" t="s">
        <v>49</v>
      </c>
      <c r="D4" s="37"/>
      <c r="E4" s="36"/>
      <c r="F4" s="37" t="s">
        <v>49</v>
      </c>
      <c r="G4" s="36" t="s">
        <v>49</v>
      </c>
      <c r="H4" s="37"/>
      <c r="I4" s="36"/>
      <c r="J4" s="37"/>
      <c r="K4" s="36" t="s">
        <v>49</v>
      </c>
      <c r="L4" s="37"/>
      <c r="M4" s="38" t="s">
        <v>49</v>
      </c>
      <c r="N4" s="37"/>
      <c r="O4" s="36"/>
      <c r="P4" s="37"/>
      <c r="Q4" s="36"/>
      <c r="R4" s="37" t="s">
        <v>49</v>
      </c>
      <c r="S4" s="36" t="s">
        <v>49</v>
      </c>
      <c r="T4" s="37"/>
      <c r="U4" s="36"/>
      <c r="V4" s="37" t="s">
        <v>49</v>
      </c>
      <c r="W4" s="36"/>
      <c r="X4" s="37"/>
      <c r="Y4" s="38"/>
      <c r="Z4" s="37"/>
      <c r="AA4" s="36"/>
      <c r="AB4" s="37"/>
      <c r="AC4" s="36"/>
      <c r="AD4" s="37"/>
      <c r="AE4" s="36"/>
      <c r="AF4" s="37"/>
      <c r="AG4" s="38"/>
      <c r="AH4" s="37" t="s">
        <v>49</v>
      </c>
      <c r="AI4" s="36"/>
      <c r="AJ4" s="37"/>
      <c r="AK4" s="36"/>
      <c r="AL4" s="37"/>
      <c r="AM4" s="38"/>
      <c r="AN4" s="39"/>
      <c r="AO4" s="37"/>
      <c r="AP4" s="39"/>
      <c r="AQ4" s="37"/>
      <c r="AR4" s="39"/>
      <c r="AS4" s="37"/>
      <c r="AT4" s="39"/>
      <c r="AU4" s="37"/>
      <c r="AV4" s="39"/>
      <c r="AW4" s="37"/>
      <c r="AX4" s="40"/>
      <c r="AY4" s="37"/>
      <c r="AZ4" s="39"/>
      <c r="BA4" s="37"/>
      <c r="BB4" s="39"/>
      <c r="BC4" s="37"/>
      <c r="BD4" s="39"/>
      <c r="BE4" s="37"/>
      <c r="BF4" s="39"/>
      <c r="BG4" s="37"/>
      <c r="BH4" s="39"/>
      <c r="BI4" s="37"/>
      <c r="BJ4" s="40"/>
      <c r="BK4" s="37"/>
      <c r="BL4" s="39"/>
      <c r="BM4" s="37"/>
      <c r="BN4" s="39"/>
      <c r="BO4" s="37"/>
      <c r="BP4" s="39"/>
      <c r="BQ4" s="37"/>
      <c r="BR4" s="40"/>
      <c r="BS4" s="37"/>
      <c r="BT4" s="39"/>
      <c r="BU4" s="37"/>
      <c r="BV4" s="39"/>
      <c r="BW4" s="37"/>
      <c r="BX4" s="40"/>
      <c r="BY4" s="37"/>
      <c r="BZ4" s="39"/>
      <c r="CA4" s="37"/>
      <c r="CB4" s="39"/>
      <c r="CC4" s="37"/>
      <c r="CD4" s="39"/>
      <c r="CE4" s="37"/>
      <c r="CF4" s="39"/>
      <c r="CG4" s="37"/>
    </row>
    <row r="5" spans="1:91" s="2" customFormat="1" ht="22.95" customHeight="1" x14ac:dyDescent="0.35">
      <c r="A5" s="41" t="s">
        <v>47</v>
      </c>
      <c r="B5" s="41" t="s">
        <v>50</v>
      </c>
      <c r="C5" s="42"/>
      <c r="D5" s="43"/>
      <c r="E5" s="42"/>
      <c r="F5" s="43"/>
      <c r="G5" s="42"/>
      <c r="H5" s="43"/>
      <c r="I5" s="42"/>
      <c r="J5" s="43"/>
      <c r="K5" s="42"/>
      <c r="L5" s="43"/>
      <c r="M5" s="44" t="s">
        <v>49</v>
      </c>
      <c r="N5" s="43"/>
      <c r="O5" s="42"/>
      <c r="P5" s="43"/>
      <c r="Q5" s="42"/>
      <c r="R5" s="43"/>
      <c r="S5" s="42"/>
      <c r="T5" s="43"/>
      <c r="U5" s="42"/>
      <c r="V5" s="43"/>
      <c r="W5" s="42"/>
      <c r="X5" s="43"/>
      <c r="Y5" s="44"/>
      <c r="Z5" s="43"/>
      <c r="AA5" s="42"/>
      <c r="AB5" s="43"/>
      <c r="AC5" s="42"/>
      <c r="AD5" s="43"/>
      <c r="AE5" s="42" t="s">
        <v>49</v>
      </c>
      <c r="AF5" s="43"/>
      <c r="AG5" s="44"/>
      <c r="AH5" s="43"/>
      <c r="AI5" s="42"/>
      <c r="AJ5" s="43"/>
      <c r="AK5" s="42"/>
      <c r="AL5" s="43"/>
      <c r="AM5" s="44"/>
      <c r="AN5" s="45"/>
      <c r="AO5" s="43"/>
      <c r="AP5" s="45"/>
      <c r="AQ5" s="43"/>
      <c r="AR5" s="45"/>
      <c r="AS5" s="43"/>
      <c r="AT5" s="45"/>
      <c r="AU5" s="43"/>
      <c r="AV5" s="45"/>
      <c r="AW5" s="43"/>
      <c r="AX5" s="46"/>
      <c r="AY5" s="43"/>
      <c r="AZ5" s="45"/>
      <c r="BA5" s="43"/>
      <c r="BB5" s="45"/>
      <c r="BC5" s="43"/>
      <c r="BD5" s="45"/>
      <c r="BE5" s="43"/>
      <c r="BF5" s="45"/>
      <c r="BG5" s="43"/>
      <c r="BH5" s="45"/>
      <c r="BI5" s="43"/>
      <c r="BJ5" s="46"/>
      <c r="BK5" s="43"/>
      <c r="BL5" s="45"/>
      <c r="BM5" s="43"/>
      <c r="BN5" s="45"/>
      <c r="BO5" s="43"/>
      <c r="BP5" s="45"/>
      <c r="BQ5" s="43"/>
      <c r="BR5" s="46"/>
      <c r="BS5" s="43"/>
      <c r="BT5" s="45"/>
      <c r="BU5" s="43"/>
      <c r="BV5" s="45"/>
      <c r="BW5" s="43"/>
      <c r="BX5" s="46"/>
      <c r="BY5" s="43"/>
      <c r="BZ5" s="45"/>
      <c r="CA5" s="43"/>
      <c r="CB5" s="45"/>
      <c r="CC5" s="43"/>
      <c r="CD5" s="45"/>
      <c r="CE5" s="43"/>
      <c r="CF5" s="45"/>
      <c r="CG5" s="43"/>
    </row>
    <row r="6" spans="1:91" s="2" customFormat="1" ht="22.95" customHeight="1" x14ac:dyDescent="0.35">
      <c r="A6" s="41" t="s">
        <v>47</v>
      </c>
      <c r="B6" s="41" t="s">
        <v>51</v>
      </c>
      <c r="C6" s="42"/>
      <c r="D6" s="43"/>
      <c r="E6" s="42" t="s">
        <v>49</v>
      </c>
      <c r="F6" s="43"/>
      <c r="G6" s="42" t="s">
        <v>49</v>
      </c>
      <c r="H6" s="43"/>
      <c r="I6" s="42"/>
      <c r="J6" s="43" t="s">
        <v>49</v>
      </c>
      <c r="K6" s="42"/>
      <c r="L6" s="43"/>
      <c r="M6" s="44"/>
      <c r="N6" s="43"/>
      <c r="O6" s="42"/>
      <c r="P6" s="43"/>
      <c r="Q6" s="42"/>
      <c r="R6" s="43"/>
      <c r="S6" s="42"/>
      <c r="T6" s="43"/>
      <c r="U6" s="42"/>
      <c r="V6" s="43"/>
      <c r="W6" s="42"/>
      <c r="X6" s="43"/>
      <c r="Y6" s="44"/>
      <c r="Z6" s="43"/>
      <c r="AA6" s="42"/>
      <c r="AB6" s="43"/>
      <c r="AC6" s="42"/>
      <c r="AD6" s="43"/>
      <c r="AE6" s="42"/>
      <c r="AF6" s="43"/>
      <c r="AG6" s="44"/>
      <c r="AH6" s="43"/>
      <c r="AI6" s="42"/>
      <c r="AJ6" s="43"/>
      <c r="AK6" s="42"/>
      <c r="AL6" s="43"/>
      <c r="AM6" s="44"/>
      <c r="AN6" s="45"/>
      <c r="AO6" s="43"/>
      <c r="AP6" s="45"/>
      <c r="AQ6" s="43"/>
      <c r="AR6" s="45"/>
      <c r="AS6" s="43"/>
      <c r="AT6" s="45"/>
      <c r="AU6" s="43"/>
      <c r="AV6" s="45"/>
      <c r="AW6" s="43"/>
      <c r="AX6" s="46"/>
      <c r="AY6" s="43"/>
      <c r="AZ6" s="45"/>
      <c r="BA6" s="43"/>
      <c r="BB6" s="45"/>
      <c r="BC6" s="43"/>
      <c r="BD6" s="45"/>
      <c r="BE6" s="43"/>
      <c r="BF6" s="45"/>
      <c r="BG6" s="43"/>
      <c r="BH6" s="45"/>
      <c r="BI6" s="43"/>
      <c r="BJ6" s="46"/>
      <c r="BK6" s="43"/>
      <c r="BL6" s="45"/>
      <c r="BM6" s="43"/>
      <c r="BN6" s="45"/>
      <c r="BO6" s="43"/>
      <c r="BP6" s="45"/>
      <c r="BQ6" s="43"/>
      <c r="BR6" s="46"/>
      <c r="BS6" s="43"/>
      <c r="BT6" s="45"/>
      <c r="BU6" s="43"/>
      <c r="BV6" s="45"/>
      <c r="BW6" s="43"/>
      <c r="BX6" s="46"/>
      <c r="BY6" s="43"/>
      <c r="BZ6" s="45"/>
      <c r="CA6" s="43"/>
      <c r="CB6" s="45"/>
      <c r="CC6" s="43"/>
      <c r="CD6" s="45"/>
      <c r="CE6" s="43"/>
      <c r="CF6" s="45"/>
      <c r="CG6" s="43"/>
    </row>
    <row r="7" spans="1:91" s="2" customFormat="1" ht="22.95" customHeight="1" x14ac:dyDescent="0.35">
      <c r="A7" s="41" t="s">
        <v>47</v>
      </c>
      <c r="B7" s="41" t="s">
        <v>52</v>
      </c>
      <c r="C7" s="42"/>
      <c r="D7" s="43"/>
      <c r="E7" s="42"/>
      <c r="F7" s="43"/>
      <c r="G7" s="42"/>
      <c r="H7" s="43"/>
      <c r="I7" s="42"/>
      <c r="J7" s="43"/>
      <c r="K7" s="42"/>
      <c r="L7" s="43"/>
      <c r="M7" s="44"/>
      <c r="N7" s="43"/>
      <c r="O7" s="42"/>
      <c r="P7" s="43"/>
      <c r="Q7" s="42"/>
      <c r="R7" s="43"/>
      <c r="S7" s="42"/>
      <c r="T7" s="43" t="s">
        <v>49</v>
      </c>
      <c r="U7" s="42" t="s">
        <v>49</v>
      </c>
      <c r="V7" s="43" t="s">
        <v>49</v>
      </c>
      <c r="W7" s="42" t="s">
        <v>49</v>
      </c>
      <c r="X7" s="43"/>
      <c r="Y7" s="44" t="s">
        <v>49</v>
      </c>
      <c r="Z7" s="43"/>
      <c r="AA7" s="42"/>
      <c r="AB7" s="43"/>
      <c r="AC7" s="42"/>
      <c r="AD7" s="43"/>
      <c r="AE7" s="42"/>
      <c r="AF7" s="43"/>
      <c r="AG7" s="44"/>
      <c r="AH7" s="43"/>
      <c r="AI7" s="42"/>
      <c r="AJ7" s="43"/>
      <c r="AK7" s="42"/>
      <c r="AL7" s="43"/>
      <c r="AM7" s="44"/>
      <c r="AN7" s="45"/>
      <c r="AO7" s="43"/>
      <c r="AP7" s="45"/>
      <c r="AQ7" s="43"/>
      <c r="AR7" s="45"/>
      <c r="AS7" s="43"/>
      <c r="AT7" s="45"/>
      <c r="AU7" s="43"/>
      <c r="AV7" s="45"/>
      <c r="AW7" s="43"/>
      <c r="AX7" s="46"/>
      <c r="AY7" s="43"/>
      <c r="AZ7" s="45"/>
      <c r="BA7" s="43"/>
      <c r="BB7" s="45"/>
      <c r="BC7" s="43"/>
      <c r="BD7" s="45"/>
      <c r="BE7" s="43"/>
      <c r="BF7" s="45"/>
      <c r="BG7" s="43"/>
      <c r="BH7" s="45"/>
      <c r="BI7" s="43"/>
      <c r="BJ7" s="46"/>
      <c r="BK7" s="43"/>
      <c r="BL7" s="45"/>
      <c r="BM7" s="43"/>
      <c r="BN7" s="45"/>
      <c r="BO7" s="43"/>
      <c r="BP7" s="45"/>
      <c r="BQ7" s="43"/>
      <c r="BR7" s="46"/>
      <c r="BS7" s="43"/>
      <c r="BT7" s="45"/>
      <c r="BU7" s="43"/>
      <c r="BV7" s="45"/>
      <c r="BW7" s="43"/>
      <c r="BX7" s="46"/>
      <c r="BY7" s="43"/>
      <c r="BZ7" s="45"/>
      <c r="CA7" s="43"/>
      <c r="CB7" s="45"/>
      <c r="CC7" s="43"/>
      <c r="CD7" s="45"/>
      <c r="CE7" s="43"/>
      <c r="CF7" s="45"/>
      <c r="CG7" s="43"/>
    </row>
    <row r="8" spans="1:91" s="2" customFormat="1" ht="22.95" customHeight="1" x14ac:dyDescent="0.35">
      <c r="A8" s="47" t="s">
        <v>53</v>
      </c>
      <c r="B8" s="47" t="s">
        <v>54</v>
      </c>
      <c r="C8" s="42"/>
      <c r="D8" s="43"/>
      <c r="E8" s="42"/>
      <c r="F8" s="43"/>
      <c r="G8" s="42"/>
      <c r="H8" s="43"/>
      <c r="I8" s="42"/>
      <c r="J8" s="43"/>
      <c r="K8" s="42"/>
      <c r="L8" s="43"/>
      <c r="M8" s="44"/>
      <c r="N8" s="43"/>
      <c r="O8" s="42"/>
      <c r="P8" s="43"/>
      <c r="Q8" s="42"/>
      <c r="R8" s="43"/>
      <c r="S8" s="42"/>
      <c r="T8" s="43"/>
      <c r="U8" s="42" t="s">
        <v>49</v>
      </c>
      <c r="V8" s="43" t="s">
        <v>49</v>
      </c>
      <c r="W8" s="42" t="s">
        <v>49</v>
      </c>
      <c r="X8" s="43"/>
      <c r="Y8" s="44" t="s">
        <v>49</v>
      </c>
      <c r="Z8" s="43"/>
      <c r="AA8" s="42"/>
      <c r="AB8" s="43"/>
      <c r="AC8" s="42"/>
      <c r="AD8" s="43"/>
      <c r="AE8" s="42"/>
      <c r="AF8" s="43"/>
      <c r="AG8" s="44"/>
      <c r="AH8" s="43"/>
      <c r="AI8" s="42"/>
      <c r="AJ8" s="43"/>
      <c r="AK8" s="42"/>
      <c r="AL8" s="43"/>
      <c r="AM8" s="44"/>
      <c r="AN8" s="45"/>
      <c r="AO8" s="43"/>
      <c r="AP8" s="45"/>
      <c r="AQ8" s="43"/>
      <c r="AR8" s="45"/>
      <c r="AS8" s="43"/>
      <c r="AT8" s="45"/>
      <c r="AU8" s="43"/>
      <c r="AV8" s="45"/>
      <c r="AW8" s="43"/>
      <c r="AX8" s="46"/>
      <c r="AY8" s="43"/>
      <c r="AZ8" s="45"/>
      <c r="BA8" s="43"/>
      <c r="BB8" s="45"/>
      <c r="BC8" s="43"/>
      <c r="BD8" s="45"/>
      <c r="BE8" s="43"/>
      <c r="BF8" s="45"/>
      <c r="BG8" s="43"/>
      <c r="BH8" s="45"/>
      <c r="BI8" s="43"/>
      <c r="BJ8" s="46"/>
      <c r="BK8" s="43"/>
      <c r="BL8" s="45"/>
      <c r="BM8" s="43"/>
      <c r="BN8" s="45"/>
      <c r="BO8" s="43"/>
      <c r="BP8" s="45"/>
      <c r="BQ8" s="43"/>
      <c r="BR8" s="46"/>
      <c r="BS8" s="43"/>
      <c r="BT8" s="45"/>
      <c r="BU8" s="43"/>
      <c r="BV8" s="45"/>
      <c r="BW8" s="43"/>
      <c r="BX8" s="46"/>
      <c r="BY8" s="43"/>
      <c r="BZ8" s="45"/>
      <c r="CA8" s="43"/>
      <c r="CB8" s="45"/>
      <c r="CC8" s="43"/>
      <c r="CD8" s="45"/>
      <c r="CE8" s="43"/>
      <c r="CF8" s="45"/>
      <c r="CG8" s="43"/>
    </row>
    <row r="9" spans="1:91" s="2" customFormat="1" ht="22.95" customHeight="1" x14ac:dyDescent="0.35">
      <c r="A9" s="47" t="s">
        <v>53</v>
      </c>
      <c r="B9" s="47" t="s">
        <v>55</v>
      </c>
      <c r="C9" s="42"/>
      <c r="D9" s="43"/>
      <c r="E9" s="42"/>
      <c r="F9" s="43"/>
      <c r="G9" s="42"/>
      <c r="H9" s="43"/>
      <c r="I9" s="42"/>
      <c r="J9" s="43"/>
      <c r="K9" s="42"/>
      <c r="L9" s="43"/>
      <c r="M9" s="44"/>
      <c r="N9" s="43"/>
      <c r="O9" s="42"/>
      <c r="P9" s="43"/>
      <c r="Q9" s="42"/>
      <c r="R9" s="43"/>
      <c r="S9" s="42"/>
      <c r="T9" s="43" t="s">
        <v>49</v>
      </c>
      <c r="U9" s="42" t="s">
        <v>49</v>
      </c>
      <c r="V9" s="43" t="s">
        <v>49</v>
      </c>
      <c r="W9" s="42" t="s">
        <v>49</v>
      </c>
      <c r="X9" s="43"/>
      <c r="Y9" s="44" t="s">
        <v>49</v>
      </c>
      <c r="Z9" s="43"/>
      <c r="AA9" s="42"/>
      <c r="AB9" s="43"/>
      <c r="AC9" s="42"/>
      <c r="AD9" s="43"/>
      <c r="AE9" s="42"/>
      <c r="AF9" s="43"/>
      <c r="AG9" s="44"/>
      <c r="AH9" s="43"/>
      <c r="AI9" s="42"/>
      <c r="AJ9" s="43"/>
      <c r="AK9" s="42"/>
      <c r="AL9" s="43"/>
      <c r="AM9" s="44"/>
      <c r="AN9" s="45"/>
      <c r="AO9" s="43"/>
      <c r="AP9" s="45"/>
      <c r="AQ9" s="43"/>
      <c r="AR9" s="45"/>
      <c r="AS9" s="43"/>
      <c r="AT9" s="45"/>
      <c r="AU9" s="43"/>
      <c r="AV9" s="45"/>
      <c r="AW9" s="43"/>
      <c r="AX9" s="46"/>
      <c r="AY9" s="43"/>
      <c r="AZ9" s="45"/>
      <c r="BA9" s="43"/>
      <c r="BB9" s="45"/>
      <c r="BC9" s="43"/>
      <c r="BD9" s="45"/>
      <c r="BE9" s="43"/>
      <c r="BF9" s="45"/>
      <c r="BG9" s="43"/>
      <c r="BH9" s="45"/>
      <c r="BI9" s="43"/>
      <c r="BJ9" s="46"/>
      <c r="BK9" s="43"/>
      <c r="BL9" s="45"/>
      <c r="BM9" s="43"/>
      <c r="BN9" s="45"/>
      <c r="BO9" s="43"/>
      <c r="BP9" s="45"/>
      <c r="BQ9" s="43"/>
      <c r="BR9" s="46"/>
      <c r="BS9" s="43"/>
      <c r="BT9" s="45"/>
      <c r="BU9" s="43"/>
      <c r="BV9" s="45"/>
      <c r="BW9" s="43"/>
      <c r="BX9" s="46"/>
      <c r="BY9" s="43"/>
      <c r="BZ9" s="45"/>
      <c r="CA9" s="43"/>
      <c r="CB9" s="45"/>
      <c r="CC9" s="43"/>
      <c r="CD9" s="45"/>
      <c r="CE9" s="43"/>
      <c r="CF9" s="45"/>
      <c r="CG9" s="43"/>
    </row>
    <row r="10" spans="1:91" s="2" customFormat="1" ht="22.95" customHeight="1" x14ac:dyDescent="0.35">
      <c r="A10" s="47" t="s">
        <v>53</v>
      </c>
      <c r="B10" s="47" t="s">
        <v>56</v>
      </c>
      <c r="C10" s="42"/>
      <c r="D10" s="43"/>
      <c r="E10" s="42"/>
      <c r="F10" s="43"/>
      <c r="G10" s="42" t="s">
        <v>49</v>
      </c>
      <c r="H10" s="43"/>
      <c r="I10" s="42"/>
      <c r="J10" s="43"/>
      <c r="K10" s="42"/>
      <c r="L10" s="43"/>
      <c r="M10" s="44"/>
      <c r="N10" s="43"/>
      <c r="O10" s="42"/>
      <c r="P10" s="43"/>
      <c r="Q10" s="42"/>
      <c r="R10" s="43"/>
      <c r="S10" s="42"/>
      <c r="T10" s="43"/>
      <c r="U10" s="42"/>
      <c r="V10" s="43" t="s">
        <v>49</v>
      </c>
      <c r="W10" s="42"/>
      <c r="X10" s="43"/>
      <c r="Y10" s="44"/>
      <c r="Z10" s="43"/>
      <c r="AA10" s="42"/>
      <c r="AB10" s="43"/>
      <c r="AC10" s="42"/>
      <c r="AD10" s="43"/>
      <c r="AE10" s="42"/>
      <c r="AF10" s="43"/>
      <c r="AG10" s="44"/>
      <c r="AH10" s="43"/>
      <c r="AI10" s="42"/>
      <c r="AJ10" s="43"/>
      <c r="AK10" s="42"/>
      <c r="AL10" s="43"/>
      <c r="AM10" s="44"/>
      <c r="AN10" s="45"/>
      <c r="AO10" s="43"/>
      <c r="AP10" s="45"/>
      <c r="AQ10" s="43"/>
      <c r="AR10" s="45"/>
      <c r="AS10" s="43"/>
      <c r="AT10" s="45"/>
      <c r="AU10" s="43"/>
      <c r="AV10" s="45"/>
      <c r="AW10" s="43"/>
      <c r="AX10" s="46"/>
      <c r="AY10" s="43"/>
      <c r="AZ10" s="45"/>
      <c r="BA10" s="43"/>
      <c r="BB10" s="45"/>
      <c r="BC10" s="43"/>
      <c r="BD10" s="45"/>
      <c r="BE10" s="43"/>
      <c r="BF10" s="45"/>
      <c r="BG10" s="43"/>
      <c r="BH10" s="45"/>
      <c r="BI10" s="43"/>
      <c r="BJ10" s="46"/>
      <c r="BK10" s="43"/>
      <c r="BL10" s="45"/>
      <c r="BM10" s="43"/>
      <c r="BN10" s="45"/>
      <c r="BO10" s="43"/>
      <c r="BP10" s="45"/>
      <c r="BQ10" s="43"/>
      <c r="BR10" s="46"/>
      <c r="BS10" s="43"/>
      <c r="BT10" s="45"/>
      <c r="BU10" s="43"/>
      <c r="BV10" s="45"/>
      <c r="BW10" s="43"/>
      <c r="BX10" s="46"/>
      <c r="BY10" s="43"/>
      <c r="BZ10" s="45"/>
      <c r="CA10" s="43"/>
      <c r="CB10" s="45"/>
      <c r="CC10" s="43"/>
      <c r="CD10" s="45"/>
      <c r="CE10" s="43"/>
      <c r="CF10" s="45"/>
      <c r="CG10" s="43"/>
    </row>
    <row r="11" spans="1:91" s="2" customFormat="1" ht="22.95" customHeight="1" x14ac:dyDescent="0.35">
      <c r="A11" s="47" t="s">
        <v>53</v>
      </c>
      <c r="B11" s="47" t="s">
        <v>57</v>
      </c>
      <c r="C11" s="42"/>
      <c r="D11" s="43"/>
      <c r="E11" s="42"/>
      <c r="F11" s="43"/>
      <c r="G11" s="42"/>
      <c r="H11" s="43"/>
      <c r="I11" s="42"/>
      <c r="J11" s="43"/>
      <c r="K11" s="42"/>
      <c r="L11" s="43"/>
      <c r="M11" s="44"/>
      <c r="N11" s="43"/>
      <c r="O11" s="42"/>
      <c r="P11" s="43"/>
      <c r="Q11" s="42"/>
      <c r="R11" s="43"/>
      <c r="S11" s="42"/>
      <c r="T11" s="43"/>
      <c r="U11" s="42"/>
      <c r="V11" s="43" t="s">
        <v>49</v>
      </c>
      <c r="W11" s="42"/>
      <c r="X11" s="43"/>
      <c r="Y11" s="44"/>
      <c r="Z11" s="43"/>
      <c r="AA11" s="42"/>
      <c r="AB11" s="43"/>
      <c r="AC11" s="42"/>
      <c r="AD11" s="43"/>
      <c r="AE11" s="42"/>
      <c r="AF11" s="43"/>
      <c r="AG11" s="44"/>
      <c r="AH11" s="43"/>
      <c r="AI11" s="42"/>
      <c r="AJ11" s="43"/>
      <c r="AK11" s="42"/>
      <c r="AL11" s="43"/>
      <c r="AM11" s="44"/>
      <c r="AN11" s="45"/>
      <c r="AO11" s="43"/>
      <c r="AP11" s="45"/>
      <c r="AQ11" s="43"/>
      <c r="AR11" s="45"/>
      <c r="AS11" s="43"/>
      <c r="AT11" s="45"/>
      <c r="AU11" s="43"/>
      <c r="AV11" s="45"/>
      <c r="AW11" s="43"/>
      <c r="AX11" s="46"/>
      <c r="AY11" s="43"/>
      <c r="AZ11" s="45"/>
      <c r="BA11" s="43"/>
      <c r="BB11" s="45"/>
      <c r="BC11" s="43"/>
      <c r="BD11" s="45"/>
      <c r="BE11" s="43"/>
      <c r="BF11" s="45"/>
      <c r="BG11" s="43"/>
      <c r="BH11" s="45"/>
      <c r="BI11" s="43"/>
      <c r="BJ11" s="46"/>
      <c r="BK11" s="43"/>
      <c r="BL11" s="45"/>
      <c r="BM11" s="43"/>
      <c r="BN11" s="45"/>
      <c r="BO11" s="43"/>
      <c r="BP11" s="45"/>
      <c r="BQ11" s="43"/>
      <c r="BR11" s="46"/>
      <c r="BS11" s="43"/>
      <c r="BT11" s="45"/>
      <c r="BU11" s="43"/>
      <c r="BV11" s="45"/>
      <c r="BW11" s="43"/>
      <c r="BX11" s="46"/>
      <c r="BY11" s="43"/>
      <c r="BZ11" s="45"/>
      <c r="CA11" s="43"/>
      <c r="CB11" s="45"/>
      <c r="CC11" s="43"/>
      <c r="CD11" s="45"/>
      <c r="CE11" s="43"/>
      <c r="CF11" s="45"/>
      <c r="CG11" s="43"/>
    </row>
    <row r="12" spans="1:91" s="2" customFormat="1" ht="22.95" customHeight="1" x14ac:dyDescent="0.35">
      <c r="A12" s="47" t="s">
        <v>53</v>
      </c>
      <c r="B12" s="47" t="s">
        <v>58</v>
      </c>
      <c r="C12" s="42"/>
      <c r="D12" s="43"/>
      <c r="E12" s="42"/>
      <c r="F12" s="43"/>
      <c r="G12" s="42"/>
      <c r="H12" s="43"/>
      <c r="I12" s="42"/>
      <c r="J12" s="43"/>
      <c r="K12" s="42"/>
      <c r="L12" s="43"/>
      <c r="M12" s="44" t="s">
        <v>49</v>
      </c>
      <c r="N12" s="43"/>
      <c r="O12" s="42"/>
      <c r="P12" s="43"/>
      <c r="Q12" s="42"/>
      <c r="R12" s="43" t="s">
        <v>49</v>
      </c>
      <c r="S12" s="42"/>
      <c r="T12" s="43"/>
      <c r="U12" s="42"/>
      <c r="V12" s="43" t="s">
        <v>49</v>
      </c>
      <c r="W12" s="42"/>
      <c r="X12" s="43"/>
      <c r="Y12" s="44"/>
      <c r="Z12" s="43"/>
      <c r="AA12" s="42"/>
      <c r="AB12" s="43"/>
      <c r="AC12" s="42"/>
      <c r="AD12" s="43"/>
      <c r="AE12" s="42"/>
      <c r="AF12" s="43"/>
      <c r="AG12" s="44"/>
      <c r="AH12" s="43"/>
      <c r="AI12" s="42"/>
      <c r="AJ12" s="43"/>
      <c r="AK12" s="42"/>
      <c r="AL12" s="43"/>
      <c r="AM12" s="44"/>
      <c r="AN12" s="45"/>
      <c r="AO12" s="43"/>
      <c r="AP12" s="45"/>
      <c r="AQ12" s="43"/>
      <c r="AR12" s="45"/>
      <c r="AS12" s="43"/>
      <c r="AT12" s="45"/>
      <c r="AU12" s="43"/>
      <c r="AV12" s="45"/>
      <c r="AW12" s="43"/>
      <c r="AX12" s="46"/>
      <c r="AY12" s="43"/>
      <c r="AZ12" s="45"/>
      <c r="BA12" s="43"/>
      <c r="BB12" s="45"/>
      <c r="BC12" s="43"/>
      <c r="BD12" s="45"/>
      <c r="BE12" s="43"/>
      <c r="BF12" s="45"/>
      <c r="BG12" s="43"/>
      <c r="BH12" s="45"/>
      <c r="BI12" s="43"/>
      <c r="BJ12" s="46"/>
      <c r="BK12" s="43"/>
      <c r="BL12" s="45"/>
      <c r="BM12" s="43"/>
      <c r="BN12" s="45"/>
      <c r="BO12" s="43"/>
      <c r="BP12" s="45"/>
      <c r="BQ12" s="43"/>
      <c r="BR12" s="46"/>
      <c r="BS12" s="43"/>
      <c r="BT12" s="45"/>
      <c r="BU12" s="43"/>
      <c r="BV12" s="45"/>
      <c r="BW12" s="43"/>
      <c r="BX12" s="46"/>
      <c r="BY12" s="43"/>
      <c r="BZ12" s="45"/>
      <c r="CA12" s="43"/>
      <c r="CB12" s="45"/>
      <c r="CC12" s="43"/>
      <c r="CD12" s="45"/>
      <c r="CE12" s="43"/>
      <c r="CF12" s="45"/>
      <c r="CG12" s="43"/>
    </row>
    <row r="13" spans="1:91" s="2" customFormat="1" ht="22.95" customHeight="1" x14ac:dyDescent="0.35">
      <c r="A13" s="47" t="s">
        <v>53</v>
      </c>
      <c r="B13" s="47" t="s">
        <v>59</v>
      </c>
      <c r="C13" s="42"/>
      <c r="D13" s="43"/>
      <c r="E13" s="42"/>
      <c r="F13" s="43" t="s">
        <v>49</v>
      </c>
      <c r="G13" s="42"/>
      <c r="H13" s="43"/>
      <c r="I13" s="42"/>
      <c r="J13" s="43"/>
      <c r="K13" s="42"/>
      <c r="L13" s="43"/>
      <c r="M13" s="44" t="s">
        <v>49</v>
      </c>
      <c r="N13" s="43"/>
      <c r="O13" s="42"/>
      <c r="P13" s="43"/>
      <c r="Q13" s="42"/>
      <c r="R13" s="43" t="s">
        <v>49</v>
      </c>
      <c r="S13" s="42"/>
      <c r="T13" s="43"/>
      <c r="U13" s="42"/>
      <c r="V13" s="43" t="s">
        <v>49</v>
      </c>
      <c r="W13" s="42"/>
      <c r="X13" s="43"/>
      <c r="Y13" s="44"/>
      <c r="Z13" s="43"/>
      <c r="AA13" s="42"/>
      <c r="AB13" s="43"/>
      <c r="AC13" s="42"/>
      <c r="AD13" s="43"/>
      <c r="AE13" s="42"/>
      <c r="AF13" s="43"/>
      <c r="AG13" s="44"/>
      <c r="AH13" s="43"/>
      <c r="AI13" s="42"/>
      <c r="AJ13" s="43"/>
      <c r="AK13" s="42"/>
      <c r="AL13" s="43"/>
      <c r="AM13" s="44"/>
      <c r="AN13" s="45"/>
      <c r="AO13" s="43"/>
      <c r="AP13" s="45"/>
      <c r="AQ13" s="43"/>
      <c r="AR13" s="45"/>
      <c r="AS13" s="43"/>
      <c r="AT13" s="45"/>
      <c r="AU13" s="43"/>
      <c r="AV13" s="45"/>
      <c r="AW13" s="43"/>
      <c r="AX13" s="46"/>
      <c r="AY13" s="43"/>
      <c r="AZ13" s="45"/>
      <c r="BA13" s="43"/>
      <c r="BB13" s="45"/>
      <c r="BC13" s="43"/>
      <c r="BD13" s="45"/>
      <c r="BE13" s="43"/>
      <c r="BF13" s="45"/>
      <c r="BG13" s="43"/>
      <c r="BH13" s="45"/>
      <c r="BI13" s="43"/>
      <c r="BJ13" s="46"/>
      <c r="BK13" s="43"/>
      <c r="BL13" s="45"/>
      <c r="BM13" s="43"/>
      <c r="BN13" s="45"/>
      <c r="BO13" s="43"/>
      <c r="BP13" s="45"/>
      <c r="BQ13" s="43"/>
      <c r="BR13" s="46"/>
      <c r="BS13" s="43"/>
      <c r="BT13" s="45"/>
      <c r="BU13" s="43"/>
      <c r="BV13" s="45"/>
      <c r="BW13" s="43"/>
      <c r="BX13" s="46"/>
      <c r="BY13" s="43"/>
      <c r="BZ13" s="45"/>
      <c r="CA13" s="43"/>
      <c r="CB13" s="45"/>
      <c r="CC13" s="43"/>
      <c r="CD13" s="45"/>
      <c r="CE13" s="43"/>
      <c r="CF13" s="45"/>
      <c r="CG13" s="43"/>
    </row>
    <row r="14" spans="1:91" s="2" customFormat="1" ht="22.95" customHeight="1" x14ac:dyDescent="0.35">
      <c r="A14" s="48" t="s">
        <v>60</v>
      </c>
      <c r="B14" s="48" t="s">
        <v>61</v>
      </c>
      <c r="C14" s="42"/>
      <c r="D14" s="43"/>
      <c r="E14" s="42"/>
      <c r="F14" s="43"/>
      <c r="G14" s="42"/>
      <c r="H14" s="43"/>
      <c r="I14" s="42"/>
      <c r="J14" s="43"/>
      <c r="K14" s="42"/>
      <c r="L14" s="43"/>
      <c r="M14" s="44"/>
      <c r="N14" s="43"/>
      <c r="O14" s="42"/>
      <c r="P14" s="43"/>
      <c r="Q14" s="42"/>
      <c r="R14" s="43"/>
      <c r="S14" s="42"/>
      <c r="T14" s="43"/>
      <c r="U14" s="42"/>
      <c r="V14" s="43" t="s">
        <v>49</v>
      </c>
      <c r="W14" s="42"/>
      <c r="X14" s="43"/>
      <c r="Y14" s="44"/>
      <c r="Z14" s="43"/>
      <c r="AA14" s="42"/>
      <c r="AB14" s="43"/>
      <c r="AC14" s="42"/>
      <c r="AD14" s="43"/>
      <c r="AE14" s="42"/>
      <c r="AF14" s="43"/>
      <c r="AG14" s="44"/>
      <c r="AH14" s="43"/>
      <c r="AI14" s="42"/>
      <c r="AJ14" s="43"/>
      <c r="AK14" s="42"/>
      <c r="AL14" s="43"/>
      <c r="AM14" s="44"/>
      <c r="AN14" s="45"/>
      <c r="AO14" s="43"/>
      <c r="AP14" s="45"/>
      <c r="AQ14" s="43"/>
      <c r="AR14" s="45"/>
      <c r="AS14" s="43"/>
      <c r="AT14" s="45"/>
      <c r="AU14" s="43"/>
      <c r="AV14" s="45"/>
      <c r="AW14" s="43"/>
      <c r="AX14" s="46"/>
      <c r="AY14" s="43"/>
      <c r="AZ14" s="45"/>
      <c r="BA14" s="43"/>
      <c r="BB14" s="45"/>
      <c r="BC14" s="43"/>
      <c r="BD14" s="45"/>
      <c r="BE14" s="43"/>
      <c r="BF14" s="45"/>
      <c r="BG14" s="43"/>
      <c r="BH14" s="45"/>
      <c r="BI14" s="43"/>
      <c r="BJ14" s="46"/>
      <c r="BK14" s="43"/>
      <c r="BL14" s="45"/>
      <c r="BM14" s="43"/>
      <c r="BN14" s="45"/>
      <c r="BO14" s="43"/>
      <c r="BP14" s="45"/>
      <c r="BQ14" s="43"/>
      <c r="BR14" s="46"/>
      <c r="BS14" s="43"/>
      <c r="BT14" s="45"/>
      <c r="BU14" s="43"/>
      <c r="BV14" s="45"/>
      <c r="BW14" s="43"/>
      <c r="BX14" s="46"/>
      <c r="BY14" s="43"/>
      <c r="BZ14" s="45"/>
      <c r="CA14" s="43"/>
      <c r="CB14" s="45"/>
      <c r="CC14" s="43"/>
      <c r="CD14" s="45"/>
      <c r="CE14" s="43"/>
      <c r="CF14" s="45"/>
      <c r="CG14" s="43"/>
    </row>
    <row r="15" spans="1:91" s="2" customFormat="1" ht="22.95" customHeight="1" x14ac:dyDescent="0.35">
      <c r="A15" s="48" t="s">
        <v>60</v>
      </c>
      <c r="B15" s="48" t="s">
        <v>62</v>
      </c>
      <c r="C15" s="42"/>
      <c r="D15" s="43"/>
      <c r="E15" s="42"/>
      <c r="F15" s="43"/>
      <c r="G15" s="42"/>
      <c r="H15" s="43"/>
      <c r="I15" s="42"/>
      <c r="J15" s="43"/>
      <c r="K15" s="42"/>
      <c r="L15" s="43"/>
      <c r="M15" s="44"/>
      <c r="N15" s="43"/>
      <c r="O15" s="42"/>
      <c r="P15" s="43"/>
      <c r="Q15" s="42"/>
      <c r="R15" s="43"/>
      <c r="S15" s="42"/>
      <c r="T15" s="43"/>
      <c r="U15" s="42"/>
      <c r="V15" s="43" t="s">
        <v>49</v>
      </c>
      <c r="W15" s="42"/>
      <c r="X15" s="43"/>
      <c r="Y15" s="44"/>
      <c r="Z15" s="43"/>
      <c r="AA15" s="42"/>
      <c r="AB15" s="43"/>
      <c r="AC15" s="42"/>
      <c r="AD15" s="43"/>
      <c r="AE15" s="42"/>
      <c r="AF15" s="43"/>
      <c r="AG15" s="44"/>
      <c r="AH15" s="43"/>
      <c r="AI15" s="42"/>
      <c r="AJ15" s="43"/>
      <c r="AK15" s="42"/>
      <c r="AL15" s="43"/>
      <c r="AM15" s="44"/>
      <c r="AN15" s="45"/>
      <c r="AO15" s="43"/>
      <c r="AP15" s="45"/>
      <c r="AQ15" s="43"/>
      <c r="AR15" s="45"/>
      <c r="AS15" s="43"/>
      <c r="AT15" s="45"/>
      <c r="AU15" s="43"/>
      <c r="AV15" s="45"/>
      <c r="AW15" s="43"/>
      <c r="AX15" s="46"/>
      <c r="AY15" s="43"/>
      <c r="AZ15" s="45"/>
      <c r="BA15" s="43"/>
      <c r="BB15" s="45"/>
      <c r="BC15" s="43"/>
      <c r="BD15" s="45"/>
      <c r="BE15" s="43"/>
      <c r="BF15" s="45"/>
      <c r="BG15" s="43"/>
      <c r="BH15" s="45"/>
      <c r="BI15" s="43"/>
      <c r="BJ15" s="46"/>
      <c r="BK15" s="43"/>
      <c r="BL15" s="45"/>
      <c r="BM15" s="43"/>
      <c r="BN15" s="45"/>
      <c r="BO15" s="43"/>
      <c r="BP15" s="45"/>
      <c r="BQ15" s="43"/>
      <c r="BR15" s="46"/>
      <c r="BS15" s="43"/>
      <c r="BT15" s="45"/>
      <c r="BU15" s="43"/>
      <c r="BV15" s="45"/>
      <c r="BW15" s="43"/>
      <c r="BX15" s="46"/>
      <c r="BY15" s="43"/>
      <c r="BZ15" s="45"/>
      <c r="CA15" s="43"/>
      <c r="CB15" s="45"/>
      <c r="CC15" s="43"/>
      <c r="CD15" s="45"/>
      <c r="CE15" s="43"/>
      <c r="CF15" s="45"/>
      <c r="CG15" s="43"/>
    </row>
    <row r="16" spans="1:91" s="2" customFormat="1" ht="22.95" customHeight="1" x14ac:dyDescent="0.35">
      <c r="A16" s="48" t="s">
        <v>60</v>
      </c>
      <c r="B16" s="48" t="s">
        <v>63</v>
      </c>
      <c r="C16" s="42"/>
      <c r="D16" s="43"/>
      <c r="E16" s="42"/>
      <c r="F16" s="43"/>
      <c r="G16" s="42"/>
      <c r="H16" s="43"/>
      <c r="I16" s="42"/>
      <c r="J16" s="43"/>
      <c r="K16" s="42"/>
      <c r="L16" s="43"/>
      <c r="M16" s="44"/>
      <c r="N16" s="43"/>
      <c r="O16" s="42"/>
      <c r="P16" s="43"/>
      <c r="Q16" s="42"/>
      <c r="R16" s="43"/>
      <c r="S16" s="42"/>
      <c r="T16" s="43"/>
      <c r="U16" s="42"/>
      <c r="V16" s="43" t="s">
        <v>49</v>
      </c>
      <c r="W16" s="42"/>
      <c r="X16" s="43"/>
      <c r="Y16" s="44"/>
      <c r="Z16" s="43"/>
      <c r="AA16" s="42"/>
      <c r="AB16" s="43"/>
      <c r="AC16" s="42"/>
      <c r="AD16" s="43"/>
      <c r="AE16" s="42"/>
      <c r="AF16" s="43"/>
      <c r="AG16" s="44"/>
      <c r="AH16" s="43"/>
      <c r="AI16" s="42"/>
      <c r="AJ16" s="43"/>
      <c r="AK16" s="42"/>
      <c r="AL16" s="43"/>
      <c r="AM16" s="44"/>
      <c r="AN16" s="45"/>
      <c r="AO16" s="43"/>
      <c r="AP16" s="45"/>
      <c r="AQ16" s="43"/>
      <c r="AR16" s="45"/>
      <c r="AS16" s="43"/>
      <c r="AT16" s="45"/>
      <c r="AU16" s="43"/>
      <c r="AV16" s="45"/>
      <c r="AW16" s="43"/>
      <c r="AX16" s="46"/>
      <c r="AY16" s="43"/>
      <c r="AZ16" s="45"/>
      <c r="BA16" s="43"/>
      <c r="BB16" s="45"/>
      <c r="BC16" s="43"/>
      <c r="BD16" s="45"/>
      <c r="BE16" s="43"/>
      <c r="BF16" s="45"/>
      <c r="BG16" s="43"/>
      <c r="BH16" s="45"/>
      <c r="BI16" s="43"/>
      <c r="BJ16" s="46"/>
      <c r="BK16" s="43"/>
      <c r="BL16" s="45"/>
      <c r="BM16" s="43"/>
      <c r="BN16" s="45"/>
      <c r="BO16" s="43"/>
      <c r="BP16" s="45"/>
      <c r="BQ16" s="43"/>
      <c r="BR16" s="46"/>
      <c r="BS16" s="43"/>
      <c r="BT16" s="45"/>
      <c r="BU16" s="43"/>
      <c r="BV16" s="45"/>
      <c r="BW16" s="43"/>
      <c r="BX16" s="46"/>
      <c r="BY16" s="43"/>
      <c r="BZ16" s="45"/>
      <c r="CA16" s="43"/>
      <c r="CB16" s="45"/>
      <c r="CC16" s="43"/>
      <c r="CD16" s="45"/>
      <c r="CE16" s="43"/>
      <c r="CF16" s="45"/>
      <c r="CG16" s="43"/>
    </row>
    <row r="17" spans="1:85" s="2" customFormat="1" ht="22.95" customHeight="1" x14ac:dyDescent="0.35">
      <c r="A17" s="48" t="s">
        <v>60</v>
      </c>
      <c r="B17" s="48" t="s">
        <v>64</v>
      </c>
      <c r="C17" s="42"/>
      <c r="D17" s="43"/>
      <c r="E17" s="42"/>
      <c r="F17" s="43"/>
      <c r="G17" s="42"/>
      <c r="H17" s="43"/>
      <c r="I17" s="42"/>
      <c r="J17" s="43"/>
      <c r="K17" s="42"/>
      <c r="L17" s="43"/>
      <c r="M17" s="44"/>
      <c r="N17" s="43"/>
      <c r="O17" s="42"/>
      <c r="P17" s="43"/>
      <c r="Q17" s="42"/>
      <c r="R17" s="43"/>
      <c r="S17" s="42"/>
      <c r="T17" s="43"/>
      <c r="U17" s="42"/>
      <c r="V17" s="43" t="s">
        <v>49</v>
      </c>
      <c r="W17" s="42"/>
      <c r="X17" s="43"/>
      <c r="Y17" s="44"/>
      <c r="Z17" s="43"/>
      <c r="AA17" s="42"/>
      <c r="AB17" s="43"/>
      <c r="AC17" s="42"/>
      <c r="AD17" s="43"/>
      <c r="AE17" s="42"/>
      <c r="AF17" s="43"/>
      <c r="AG17" s="44"/>
      <c r="AH17" s="43"/>
      <c r="AI17" s="42"/>
      <c r="AJ17" s="43"/>
      <c r="AK17" s="42"/>
      <c r="AL17" s="43"/>
      <c r="AM17" s="44"/>
      <c r="AN17" s="45"/>
      <c r="AO17" s="43"/>
      <c r="AP17" s="45"/>
      <c r="AQ17" s="43"/>
      <c r="AR17" s="45"/>
      <c r="AS17" s="43"/>
      <c r="AT17" s="45"/>
      <c r="AU17" s="43"/>
      <c r="AV17" s="45"/>
      <c r="AW17" s="43"/>
      <c r="AX17" s="46"/>
      <c r="AY17" s="43"/>
      <c r="AZ17" s="45"/>
      <c r="BA17" s="43"/>
      <c r="BB17" s="45"/>
      <c r="BC17" s="43"/>
      <c r="BD17" s="45"/>
      <c r="BE17" s="43"/>
      <c r="BF17" s="45"/>
      <c r="BG17" s="43"/>
      <c r="BH17" s="45"/>
      <c r="BI17" s="43"/>
      <c r="BJ17" s="46"/>
      <c r="BK17" s="43"/>
      <c r="BL17" s="45"/>
      <c r="BM17" s="43"/>
      <c r="BN17" s="45"/>
      <c r="BO17" s="43"/>
      <c r="BP17" s="45"/>
      <c r="BQ17" s="43"/>
      <c r="BR17" s="46"/>
      <c r="BS17" s="43"/>
      <c r="BT17" s="45"/>
      <c r="BU17" s="43"/>
      <c r="BV17" s="45"/>
      <c r="BW17" s="43"/>
      <c r="BX17" s="46"/>
      <c r="BY17" s="43"/>
      <c r="BZ17" s="45"/>
      <c r="CA17" s="43"/>
      <c r="CB17" s="45"/>
      <c r="CC17" s="43"/>
      <c r="CD17" s="45"/>
      <c r="CE17" s="43"/>
      <c r="CF17" s="45"/>
      <c r="CG17" s="43"/>
    </row>
    <row r="18" spans="1:85" s="2" customFormat="1" ht="22.95" customHeight="1" x14ac:dyDescent="0.35">
      <c r="A18" s="48" t="s">
        <v>60</v>
      </c>
      <c r="B18" s="48" t="s">
        <v>65</v>
      </c>
      <c r="C18" s="42"/>
      <c r="D18" s="43"/>
      <c r="E18" s="42"/>
      <c r="F18" s="43"/>
      <c r="G18" s="42"/>
      <c r="H18" s="43"/>
      <c r="I18" s="42"/>
      <c r="J18" s="43"/>
      <c r="K18" s="42"/>
      <c r="L18" s="43"/>
      <c r="M18" s="44"/>
      <c r="N18" s="43"/>
      <c r="O18" s="42"/>
      <c r="P18" s="43"/>
      <c r="Q18" s="42"/>
      <c r="R18" s="43"/>
      <c r="S18" s="42"/>
      <c r="T18" s="43"/>
      <c r="U18" s="42"/>
      <c r="V18" s="43" t="s">
        <v>49</v>
      </c>
      <c r="W18" s="42"/>
      <c r="X18" s="43"/>
      <c r="Y18" s="44"/>
      <c r="Z18" s="43"/>
      <c r="AA18" s="42"/>
      <c r="AB18" s="43"/>
      <c r="AC18" s="42"/>
      <c r="AD18" s="43"/>
      <c r="AE18" s="42"/>
      <c r="AF18" s="43"/>
      <c r="AG18" s="44"/>
      <c r="AH18" s="43"/>
      <c r="AI18" s="42"/>
      <c r="AJ18" s="43"/>
      <c r="AK18" s="42"/>
      <c r="AL18" s="43"/>
      <c r="AM18" s="44"/>
      <c r="AN18" s="45"/>
      <c r="AO18" s="43"/>
      <c r="AP18" s="45"/>
      <c r="AQ18" s="43"/>
      <c r="AR18" s="45"/>
      <c r="AS18" s="43"/>
      <c r="AT18" s="45"/>
      <c r="AU18" s="43"/>
      <c r="AV18" s="45"/>
      <c r="AW18" s="43"/>
      <c r="AX18" s="46"/>
      <c r="AY18" s="43"/>
      <c r="AZ18" s="45"/>
      <c r="BA18" s="43"/>
      <c r="BB18" s="45"/>
      <c r="BC18" s="43"/>
      <c r="BD18" s="45"/>
      <c r="BE18" s="43"/>
      <c r="BF18" s="45"/>
      <c r="BG18" s="43"/>
      <c r="BH18" s="45"/>
      <c r="BI18" s="43"/>
      <c r="BJ18" s="46"/>
      <c r="BK18" s="43"/>
      <c r="BL18" s="45"/>
      <c r="BM18" s="43"/>
      <c r="BN18" s="45"/>
      <c r="BO18" s="43"/>
      <c r="BP18" s="45"/>
      <c r="BQ18" s="43"/>
      <c r="BR18" s="46"/>
      <c r="BS18" s="43"/>
      <c r="BT18" s="45"/>
      <c r="BU18" s="43"/>
      <c r="BV18" s="45"/>
      <c r="BW18" s="43"/>
      <c r="BX18" s="46"/>
      <c r="BY18" s="43"/>
      <c r="BZ18" s="45"/>
      <c r="CA18" s="43"/>
      <c r="CB18" s="45"/>
      <c r="CC18" s="43"/>
      <c r="CD18" s="45"/>
      <c r="CE18" s="43"/>
      <c r="CF18" s="45"/>
      <c r="CG18" s="43"/>
    </row>
    <row r="19" spans="1:85" s="2" customFormat="1" ht="22.95" customHeight="1" x14ac:dyDescent="0.35">
      <c r="A19" s="48" t="s">
        <v>60</v>
      </c>
      <c r="B19" s="48" t="s">
        <v>66</v>
      </c>
      <c r="C19" s="42"/>
      <c r="D19" s="43"/>
      <c r="E19" s="42"/>
      <c r="F19" s="43"/>
      <c r="G19" s="42"/>
      <c r="H19" s="43"/>
      <c r="I19" s="42"/>
      <c r="J19" s="43"/>
      <c r="K19" s="42"/>
      <c r="L19" s="43"/>
      <c r="M19" s="44"/>
      <c r="N19" s="43"/>
      <c r="O19" s="42"/>
      <c r="P19" s="43"/>
      <c r="Q19" s="42"/>
      <c r="R19" s="43"/>
      <c r="S19" s="42"/>
      <c r="T19" s="43"/>
      <c r="U19" s="42"/>
      <c r="V19" s="43"/>
      <c r="W19" s="42"/>
      <c r="X19" s="43"/>
      <c r="Y19" s="44"/>
      <c r="Z19" s="43"/>
      <c r="AA19" s="42"/>
      <c r="AB19" s="43"/>
      <c r="AC19" s="42"/>
      <c r="AD19" s="43"/>
      <c r="AE19" s="42"/>
      <c r="AF19" s="43"/>
      <c r="AG19" s="44"/>
      <c r="AH19" s="43"/>
      <c r="AI19" s="42"/>
      <c r="AJ19" s="43"/>
      <c r="AK19" s="42"/>
      <c r="AL19" s="43"/>
      <c r="AM19" s="44"/>
      <c r="AN19" s="45"/>
      <c r="AO19" s="43"/>
      <c r="AP19" s="45"/>
      <c r="AQ19" s="43"/>
      <c r="AR19" s="45"/>
      <c r="AS19" s="43"/>
      <c r="AT19" s="45"/>
      <c r="AU19" s="43"/>
      <c r="AV19" s="45"/>
      <c r="AW19" s="43"/>
      <c r="AX19" s="46"/>
      <c r="AY19" s="43"/>
      <c r="AZ19" s="45"/>
      <c r="BA19" s="43"/>
      <c r="BB19" s="45"/>
      <c r="BC19" s="43"/>
      <c r="BD19" s="45"/>
      <c r="BE19" s="43"/>
      <c r="BF19" s="45"/>
      <c r="BG19" s="43"/>
      <c r="BH19" s="45"/>
      <c r="BI19" s="43"/>
      <c r="BJ19" s="46"/>
      <c r="BK19" s="43"/>
      <c r="BL19" s="45"/>
      <c r="BM19" s="43"/>
      <c r="BN19" s="45"/>
      <c r="BO19" s="43"/>
      <c r="BP19" s="45"/>
      <c r="BQ19" s="43"/>
      <c r="BR19" s="46"/>
      <c r="BS19" s="43"/>
      <c r="BT19" s="45"/>
      <c r="BU19" s="43"/>
      <c r="BV19" s="45"/>
      <c r="BW19" s="43"/>
      <c r="BX19" s="46"/>
      <c r="BY19" s="43"/>
      <c r="BZ19" s="45"/>
      <c r="CA19" s="43"/>
      <c r="CB19" s="45"/>
      <c r="CC19" s="43"/>
      <c r="CD19" s="45"/>
      <c r="CE19" s="43"/>
      <c r="CF19" s="45"/>
      <c r="CG19" s="43"/>
    </row>
    <row r="20" spans="1:85" s="2" customFormat="1" ht="22.95" customHeight="1" x14ac:dyDescent="0.35">
      <c r="A20" s="49" t="s">
        <v>67</v>
      </c>
      <c r="B20" s="49" t="s">
        <v>68</v>
      </c>
      <c r="C20" s="42"/>
      <c r="D20" s="43"/>
      <c r="E20" s="42" t="s">
        <v>49</v>
      </c>
      <c r="F20" s="43"/>
      <c r="G20" s="42"/>
      <c r="H20" s="43"/>
      <c r="I20" s="42"/>
      <c r="J20" s="43"/>
      <c r="K20" s="42"/>
      <c r="L20" s="43"/>
      <c r="M20" s="44"/>
      <c r="N20" s="43"/>
      <c r="O20" s="42"/>
      <c r="P20" s="43"/>
      <c r="Q20" s="42"/>
      <c r="R20" s="43"/>
      <c r="S20" s="42"/>
      <c r="T20" s="43"/>
      <c r="U20" s="42"/>
      <c r="V20" s="43"/>
      <c r="W20" s="42"/>
      <c r="X20" s="43"/>
      <c r="Y20" s="44"/>
      <c r="Z20" s="43"/>
      <c r="AA20" s="42"/>
      <c r="AB20" s="43"/>
      <c r="AC20" s="42"/>
      <c r="AD20" s="43"/>
      <c r="AE20" s="42"/>
      <c r="AF20" s="43"/>
      <c r="AG20" s="44"/>
      <c r="AH20" s="43"/>
      <c r="AI20" s="42"/>
      <c r="AJ20" s="43"/>
      <c r="AK20" s="42"/>
      <c r="AL20" s="43"/>
      <c r="AM20" s="44"/>
      <c r="AN20" s="45"/>
      <c r="AO20" s="43"/>
      <c r="AP20" s="45"/>
      <c r="AQ20" s="43"/>
      <c r="AR20" s="45"/>
      <c r="AS20" s="43"/>
      <c r="AT20" s="45"/>
      <c r="AU20" s="43"/>
      <c r="AV20" s="45"/>
      <c r="AW20" s="43"/>
      <c r="AX20" s="46"/>
      <c r="AY20" s="43"/>
      <c r="AZ20" s="45"/>
      <c r="BA20" s="43"/>
      <c r="BB20" s="45"/>
      <c r="BC20" s="43"/>
      <c r="BD20" s="45"/>
      <c r="BE20" s="43"/>
      <c r="BF20" s="45"/>
      <c r="BG20" s="43"/>
      <c r="BH20" s="45"/>
      <c r="BI20" s="43"/>
      <c r="BJ20" s="46"/>
      <c r="BK20" s="43"/>
      <c r="BL20" s="45"/>
      <c r="BM20" s="43"/>
      <c r="BN20" s="45"/>
      <c r="BO20" s="43"/>
      <c r="BP20" s="45"/>
      <c r="BQ20" s="43"/>
      <c r="BR20" s="46"/>
      <c r="BS20" s="43"/>
      <c r="BT20" s="45"/>
      <c r="BU20" s="43"/>
      <c r="BV20" s="45"/>
      <c r="BW20" s="43"/>
      <c r="BX20" s="46"/>
      <c r="BY20" s="43"/>
      <c r="BZ20" s="45"/>
      <c r="CA20" s="43"/>
      <c r="CB20" s="45"/>
      <c r="CC20" s="43"/>
      <c r="CD20" s="45"/>
      <c r="CE20" s="43"/>
      <c r="CF20" s="45"/>
      <c r="CG20" s="43"/>
    </row>
    <row r="21" spans="1:85" s="2" customFormat="1" ht="22.95" customHeight="1" x14ac:dyDescent="0.35">
      <c r="A21" s="49" t="s">
        <v>67</v>
      </c>
      <c r="B21" s="49" t="s">
        <v>69</v>
      </c>
      <c r="C21" s="42"/>
      <c r="D21" s="43" t="s">
        <v>49</v>
      </c>
      <c r="E21" s="42" t="s">
        <v>49</v>
      </c>
      <c r="F21" s="43"/>
      <c r="G21" s="42"/>
      <c r="H21" s="43"/>
      <c r="I21" s="42"/>
      <c r="J21" s="43"/>
      <c r="K21" s="42"/>
      <c r="L21" s="43"/>
      <c r="M21" s="44"/>
      <c r="N21" s="43"/>
      <c r="O21" s="42"/>
      <c r="P21" s="43"/>
      <c r="Q21" s="42"/>
      <c r="R21" s="43"/>
      <c r="S21" s="42"/>
      <c r="T21" s="43"/>
      <c r="U21" s="42"/>
      <c r="V21" s="43"/>
      <c r="W21" s="42"/>
      <c r="X21" s="43"/>
      <c r="Y21" s="44"/>
      <c r="Z21" s="43"/>
      <c r="AA21" s="42"/>
      <c r="AB21" s="43"/>
      <c r="AC21" s="42"/>
      <c r="AD21" s="43"/>
      <c r="AE21" s="42"/>
      <c r="AF21" s="43"/>
      <c r="AG21" s="44"/>
      <c r="AH21" s="43"/>
      <c r="AI21" s="42"/>
      <c r="AJ21" s="43"/>
      <c r="AK21" s="42"/>
      <c r="AL21" s="43"/>
      <c r="AM21" s="44"/>
      <c r="AN21" s="45"/>
      <c r="AO21" s="43"/>
      <c r="AP21" s="45"/>
      <c r="AQ21" s="43"/>
      <c r="AR21" s="45"/>
      <c r="AS21" s="43"/>
      <c r="AT21" s="45"/>
      <c r="AU21" s="43"/>
      <c r="AV21" s="45"/>
      <c r="AW21" s="43"/>
      <c r="AX21" s="46"/>
      <c r="AY21" s="43"/>
      <c r="AZ21" s="45"/>
      <c r="BA21" s="43"/>
      <c r="BB21" s="45"/>
      <c r="BC21" s="43"/>
      <c r="BD21" s="45"/>
      <c r="BE21" s="43"/>
      <c r="BF21" s="45"/>
      <c r="BG21" s="43"/>
      <c r="BH21" s="45"/>
      <c r="BI21" s="43"/>
      <c r="BJ21" s="46"/>
      <c r="BK21" s="43"/>
      <c r="BL21" s="45"/>
      <c r="BM21" s="43"/>
      <c r="BN21" s="45"/>
      <c r="BO21" s="43"/>
      <c r="BP21" s="45"/>
      <c r="BQ21" s="43"/>
      <c r="BR21" s="46"/>
      <c r="BS21" s="43"/>
      <c r="BT21" s="45"/>
      <c r="BU21" s="43"/>
      <c r="BV21" s="45"/>
      <c r="BW21" s="43"/>
      <c r="BX21" s="46"/>
      <c r="BY21" s="43"/>
      <c r="BZ21" s="45"/>
      <c r="CA21" s="43"/>
      <c r="CB21" s="45"/>
      <c r="CC21" s="43"/>
      <c r="CD21" s="45"/>
      <c r="CE21" s="43"/>
      <c r="CF21" s="45"/>
      <c r="CG21" s="43"/>
    </row>
    <row r="22" spans="1:85" s="2" customFormat="1" ht="22.95" customHeight="1" x14ac:dyDescent="0.35">
      <c r="A22" s="49" t="s">
        <v>67</v>
      </c>
      <c r="B22" s="49" t="s">
        <v>70</v>
      </c>
      <c r="C22" s="42"/>
      <c r="D22" s="43"/>
      <c r="E22" s="42" t="s">
        <v>49</v>
      </c>
      <c r="F22" s="43"/>
      <c r="G22" s="42"/>
      <c r="H22" s="43"/>
      <c r="I22" s="42"/>
      <c r="J22" s="43"/>
      <c r="K22" s="42"/>
      <c r="L22" s="43"/>
      <c r="M22" s="44"/>
      <c r="N22" s="43"/>
      <c r="O22" s="42"/>
      <c r="P22" s="43"/>
      <c r="Q22" s="42"/>
      <c r="R22" s="43"/>
      <c r="S22" s="42"/>
      <c r="T22" s="43"/>
      <c r="U22" s="42"/>
      <c r="V22" s="43"/>
      <c r="W22" s="42"/>
      <c r="X22" s="43"/>
      <c r="Y22" s="44"/>
      <c r="Z22" s="43"/>
      <c r="AA22" s="42"/>
      <c r="AB22" s="43"/>
      <c r="AC22" s="42"/>
      <c r="AD22" s="43"/>
      <c r="AE22" s="42"/>
      <c r="AF22" s="43"/>
      <c r="AG22" s="44"/>
      <c r="AH22" s="43"/>
      <c r="AI22" s="42"/>
      <c r="AJ22" s="43"/>
      <c r="AK22" s="42"/>
      <c r="AL22" s="43"/>
      <c r="AM22" s="44"/>
      <c r="AN22" s="45"/>
      <c r="AO22" s="43"/>
      <c r="AP22" s="45"/>
      <c r="AQ22" s="43"/>
      <c r="AR22" s="45"/>
      <c r="AS22" s="43"/>
      <c r="AT22" s="45"/>
      <c r="AU22" s="43"/>
      <c r="AV22" s="45"/>
      <c r="AW22" s="43"/>
      <c r="AX22" s="46"/>
      <c r="AY22" s="43"/>
      <c r="AZ22" s="45"/>
      <c r="BA22" s="43"/>
      <c r="BB22" s="45"/>
      <c r="BC22" s="43"/>
      <c r="BD22" s="45"/>
      <c r="BE22" s="43"/>
      <c r="BF22" s="45"/>
      <c r="BG22" s="43"/>
      <c r="BH22" s="45"/>
      <c r="BI22" s="43"/>
      <c r="BJ22" s="46"/>
      <c r="BK22" s="43"/>
      <c r="BL22" s="45"/>
      <c r="BM22" s="43"/>
      <c r="BN22" s="45"/>
      <c r="BO22" s="43"/>
      <c r="BP22" s="45"/>
      <c r="BQ22" s="43"/>
      <c r="BR22" s="46"/>
      <c r="BS22" s="43"/>
      <c r="BT22" s="45"/>
      <c r="BU22" s="43"/>
      <c r="BV22" s="45"/>
      <c r="BW22" s="43"/>
      <c r="BX22" s="46"/>
      <c r="BY22" s="43"/>
      <c r="BZ22" s="45"/>
      <c r="CA22" s="43"/>
      <c r="CB22" s="45"/>
      <c r="CC22" s="43"/>
      <c r="CD22" s="45"/>
      <c r="CE22" s="43"/>
      <c r="CF22" s="45"/>
      <c r="CG22" s="43"/>
    </row>
    <row r="23" spans="1:85" s="2" customFormat="1" ht="22.95" customHeight="1" x14ac:dyDescent="0.35">
      <c r="A23" s="49" t="s">
        <v>67</v>
      </c>
      <c r="B23" s="49" t="s">
        <v>71</v>
      </c>
      <c r="C23" s="42"/>
      <c r="D23" s="43" t="s">
        <v>49</v>
      </c>
      <c r="E23" s="42" t="s">
        <v>49</v>
      </c>
      <c r="F23" s="43"/>
      <c r="G23" s="42"/>
      <c r="H23" s="43"/>
      <c r="I23" s="42"/>
      <c r="J23" s="43"/>
      <c r="K23" s="42"/>
      <c r="L23" s="43"/>
      <c r="M23" s="44"/>
      <c r="N23" s="43"/>
      <c r="O23" s="42"/>
      <c r="P23" s="43"/>
      <c r="Q23" s="42"/>
      <c r="R23" s="43"/>
      <c r="S23" s="42"/>
      <c r="T23" s="43"/>
      <c r="U23" s="42"/>
      <c r="V23" s="43"/>
      <c r="W23" s="42"/>
      <c r="X23" s="43"/>
      <c r="Y23" s="44"/>
      <c r="Z23" s="43"/>
      <c r="AA23" s="42"/>
      <c r="AB23" s="43"/>
      <c r="AC23" s="42"/>
      <c r="AD23" s="43"/>
      <c r="AE23" s="42"/>
      <c r="AF23" s="43"/>
      <c r="AG23" s="44"/>
      <c r="AH23" s="43"/>
      <c r="AI23" s="42"/>
      <c r="AJ23" s="43"/>
      <c r="AK23" s="42"/>
      <c r="AL23" s="43"/>
      <c r="AM23" s="44"/>
      <c r="AN23" s="45"/>
      <c r="AO23" s="43"/>
      <c r="AP23" s="45"/>
      <c r="AQ23" s="43"/>
      <c r="AR23" s="45"/>
      <c r="AS23" s="43"/>
      <c r="AT23" s="45"/>
      <c r="AU23" s="43"/>
      <c r="AV23" s="45"/>
      <c r="AW23" s="43"/>
      <c r="AX23" s="46"/>
      <c r="AY23" s="43"/>
      <c r="AZ23" s="45"/>
      <c r="BA23" s="43"/>
      <c r="BB23" s="45"/>
      <c r="BC23" s="43"/>
      <c r="BD23" s="45"/>
      <c r="BE23" s="43"/>
      <c r="BF23" s="45"/>
      <c r="BG23" s="43"/>
      <c r="BH23" s="45"/>
      <c r="BI23" s="43"/>
      <c r="BJ23" s="46"/>
      <c r="BK23" s="43"/>
      <c r="BL23" s="45"/>
      <c r="BM23" s="43"/>
      <c r="BN23" s="45"/>
      <c r="BO23" s="43"/>
      <c r="BP23" s="45"/>
      <c r="BQ23" s="43"/>
      <c r="BR23" s="46"/>
      <c r="BS23" s="43"/>
      <c r="BT23" s="45"/>
      <c r="BU23" s="43"/>
      <c r="BV23" s="45"/>
      <c r="BW23" s="43"/>
      <c r="BX23" s="46"/>
      <c r="BY23" s="43"/>
      <c r="BZ23" s="45"/>
      <c r="CA23" s="43"/>
      <c r="CB23" s="45"/>
      <c r="CC23" s="43"/>
      <c r="CD23" s="45"/>
      <c r="CE23" s="43"/>
      <c r="CF23" s="45"/>
      <c r="CG23" s="43"/>
    </row>
    <row r="24" spans="1:85" s="2" customFormat="1" ht="22.95" customHeight="1" x14ac:dyDescent="0.35">
      <c r="A24" s="50" t="s">
        <v>72</v>
      </c>
      <c r="B24" s="51" t="s">
        <v>73</v>
      </c>
      <c r="C24" s="42"/>
      <c r="D24" s="43"/>
      <c r="E24" s="42"/>
      <c r="F24" s="43" t="s">
        <v>49</v>
      </c>
      <c r="G24" s="42"/>
      <c r="H24" s="43"/>
      <c r="I24" s="42"/>
      <c r="J24" s="43"/>
      <c r="K24" s="42"/>
      <c r="L24" s="43"/>
      <c r="M24" s="44"/>
      <c r="N24" s="43"/>
      <c r="O24" s="42"/>
      <c r="P24" s="43"/>
      <c r="Q24" s="42"/>
      <c r="R24" s="43"/>
      <c r="S24" s="42"/>
      <c r="T24" s="43"/>
      <c r="U24" s="42"/>
      <c r="V24" s="43"/>
      <c r="W24" s="42"/>
      <c r="X24" s="43"/>
      <c r="Y24" s="44"/>
      <c r="Z24" s="43"/>
      <c r="AA24" s="42"/>
      <c r="AB24" s="43"/>
      <c r="AC24" s="42"/>
      <c r="AD24" s="43"/>
      <c r="AE24" s="42"/>
      <c r="AF24" s="43"/>
      <c r="AG24" s="44"/>
      <c r="AH24" s="43"/>
      <c r="AI24" s="42"/>
      <c r="AJ24" s="43"/>
      <c r="AK24" s="42"/>
      <c r="AL24" s="43"/>
      <c r="AM24" s="44"/>
      <c r="AN24" s="45"/>
      <c r="AO24" s="43"/>
      <c r="AP24" s="45"/>
      <c r="AQ24" s="43"/>
      <c r="AR24" s="45"/>
      <c r="AS24" s="43"/>
      <c r="AT24" s="45"/>
      <c r="AU24" s="43"/>
      <c r="AV24" s="45"/>
      <c r="AW24" s="43"/>
      <c r="AX24" s="46"/>
      <c r="AY24" s="43"/>
      <c r="AZ24" s="45"/>
      <c r="BA24" s="43"/>
      <c r="BB24" s="45"/>
      <c r="BC24" s="43"/>
      <c r="BD24" s="45"/>
      <c r="BE24" s="43"/>
      <c r="BF24" s="45"/>
      <c r="BG24" s="43"/>
      <c r="BH24" s="45"/>
      <c r="BI24" s="43"/>
      <c r="BJ24" s="46"/>
      <c r="BK24" s="43"/>
      <c r="BL24" s="45"/>
      <c r="BM24" s="43"/>
      <c r="BN24" s="45"/>
      <c r="BO24" s="43"/>
      <c r="BP24" s="45"/>
      <c r="BQ24" s="43"/>
      <c r="BR24" s="46"/>
      <c r="BS24" s="43"/>
      <c r="BT24" s="45"/>
      <c r="BU24" s="43"/>
      <c r="BV24" s="45"/>
      <c r="BW24" s="43"/>
      <c r="BX24" s="46"/>
      <c r="BY24" s="43"/>
      <c r="BZ24" s="45"/>
      <c r="CA24" s="43"/>
      <c r="CB24" s="45"/>
      <c r="CC24" s="43"/>
      <c r="CD24" s="45"/>
      <c r="CE24" s="43"/>
      <c r="CF24" s="45"/>
      <c r="CG24" s="43"/>
    </row>
    <row r="25" spans="1:85" s="2" customFormat="1" ht="22.95" customHeight="1" x14ac:dyDescent="0.35">
      <c r="A25" s="50" t="s">
        <v>72</v>
      </c>
      <c r="B25" s="51" t="s">
        <v>74</v>
      </c>
      <c r="C25" s="42"/>
      <c r="D25" s="43"/>
      <c r="E25" s="42" t="s">
        <v>49</v>
      </c>
      <c r="F25" s="43"/>
      <c r="G25" s="42"/>
      <c r="H25" s="43"/>
      <c r="I25" s="42"/>
      <c r="J25" s="43"/>
      <c r="K25" s="42" t="s">
        <v>49</v>
      </c>
      <c r="L25" s="43"/>
      <c r="M25" s="44"/>
      <c r="N25" s="43"/>
      <c r="O25" s="42"/>
      <c r="P25" s="43"/>
      <c r="Q25" s="42"/>
      <c r="R25" s="43" t="s">
        <v>49</v>
      </c>
      <c r="S25" s="42"/>
      <c r="T25" s="43"/>
      <c r="U25" s="42"/>
      <c r="V25" s="43"/>
      <c r="W25" s="42" t="s">
        <v>49</v>
      </c>
      <c r="X25" s="43"/>
      <c r="Y25" s="44"/>
      <c r="Z25" s="43"/>
      <c r="AA25" s="42"/>
      <c r="AB25" s="43"/>
      <c r="AC25" s="42"/>
      <c r="AD25" s="43"/>
      <c r="AE25" s="42"/>
      <c r="AF25" s="43"/>
      <c r="AG25" s="44"/>
      <c r="AH25" s="43" t="s">
        <v>49</v>
      </c>
      <c r="AI25" s="42"/>
      <c r="AJ25" s="43"/>
      <c r="AK25" s="42"/>
      <c r="AL25" s="43"/>
      <c r="AM25" s="44"/>
      <c r="AN25" s="45"/>
      <c r="AO25" s="43"/>
      <c r="AP25" s="45"/>
      <c r="AQ25" s="43"/>
      <c r="AR25" s="45"/>
      <c r="AS25" s="43"/>
      <c r="AT25" s="45"/>
      <c r="AU25" s="43"/>
      <c r="AV25" s="45"/>
      <c r="AW25" s="43"/>
      <c r="AX25" s="46"/>
      <c r="AY25" s="43"/>
      <c r="AZ25" s="45"/>
      <c r="BA25" s="43"/>
      <c r="BB25" s="45"/>
      <c r="BC25" s="43"/>
      <c r="BD25" s="45"/>
      <c r="BE25" s="43"/>
      <c r="BF25" s="45"/>
      <c r="BG25" s="43"/>
      <c r="BH25" s="45"/>
      <c r="BI25" s="43"/>
      <c r="BJ25" s="46"/>
      <c r="BK25" s="43"/>
      <c r="BL25" s="45"/>
      <c r="BM25" s="43"/>
      <c r="BN25" s="45"/>
      <c r="BO25" s="43"/>
      <c r="BP25" s="45"/>
      <c r="BQ25" s="43"/>
      <c r="BR25" s="46"/>
      <c r="BS25" s="43"/>
      <c r="BT25" s="45"/>
      <c r="BU25" s="43"/>
      <c r="BV25" s="45"/>
      <c r="BW25" s="43"/>
      <c r="BX25" s="46"/>
      <c r="BY25" s="43"/>
      <c r="BZ25" s="45"/>
      <c r="CA25" s="43"/>
      <c r="CB25" s="45"/>
      <c r="CC25" s="43"/>
      <c r="CD25" s="45"/>
      <c r="CE25" s="43"/>
      <c r="CF25" s="45"/>
      <c r="CG25" s="43"/>
    </row>
    <row r="26" spans="1:85" s="2" customFormat="1" ht="22.95" customHeight="1" x14ac:dyDescent="0.35">
      <c r="A26" s="50" t="s">
        <v>72</v>
      </c>
      <c r="B26" s="51" t="s">
        <v>75</v>
      </c>
      <c r="C26" s="42"/>
      <c r="D26" s="43"/>
      <c r="E26" s="42" t="s">
        <v>49</v>
      </c>
      <c r="F26" s="43"/>
      <c r="G26" s="42"/>
      <c r="H26" s="43"/>
      <c r="I26" s="42"/>
      <c r="J26" s="43"/>
      <c r="K26" s="42" t="s">
        <v>49</v>
      </c>
      <c r="L26" s="43"/>
      <c r="M26" s="44"/>
      <c r="N26" s="43"/>
      <c r="O26" s="42"/>
      <c r="P26" s="43"/>
      <c r="Q26" s="42"/>
      <c r="R26" s="43"/>
      <c r="S26" s="42" t="s">
        <v>49</v>
      </c>
      <c r="T26" s="43"/>
      <c r="U26" s="42"/>
      <c r="V26" s="43"/>
      <c r="W26" s="42"/>
      <c r="X26" s="43"/>
      <c r="Y26" s="44"/>
      <c r="Z26" s="43"/>
      <c r="AA26" s="42"/>
      <c r="AB26" s="43"/>
      <c r="AC26" s="42"/>
      <c r="AD26" s="43"/>
      <c r="AE26" s="42"/>
      <c r="AF26" s="43"/>
      <c r="AG26" s="44"/>
      <c r="AH26" s="43" t="s">
        <v>49</v>
      </c>
      <c r="AI26" s="42"/>
      <c r="AJ26" s="43"/>
      <c r="AK26" s="42"/>
      <c r="AL26" s="43"/>
      <c r="AM26" s="44"/>
      <c r="AN26" s="45"/>
      <c r="AO26" s="43"/>
      <c r="AP26" s="45"/>
      <c r="AQ26" s="43"/>
      <c r="AR26" s="45"/>
      <c r="AS26" s="43"/>
      <c r="AT26" s="45"/>
      <c r="AU26" s="43"/>
      <c r="AV26" s="45"/>
      <c r="AW26" s="43"/>
      <c r="AX26" s="46"/>
      <c r="AY26" s="43"/>
      <c r="AZ26" s="45"/>
      <c r="BA26" s="43"/>
      <c r="BB26" s="45"/>
      <c r="BC26" s="43"/>
      <c r="BD26" s="45"/>
      <c r="BE26" s="43"/>
      <c r="BF26" s="45"/>
      <c r="BG26" s="43"/>
      <c r="BH26" s="45"/>
      <c r="BI26" s="43"/>
      <c r="BJ26" s="46"/>
      <c r="BK26" s="43"/>
      <c r="BL26" s="45"/>
      <c r="BM26" s="43"/>
      <c r="BN26" s="45"/>
      <c r="BO26" s="43"/>
      <c r="BP26" s="45"/>
      <c r="BQ26" s="43"/>
      <c r="BR26" s="46"/>
      <c r="BS26" s="43"/>
      <c r="BT26" s="45"/>
      <c r="BU26" s="43"/>
      <c r="BV26" s="45"/>
      <c r="BW26" s="43"/>
      <c r="BX26" s="46"/>
      <c r="BY26" s="43"/>
      <c r="BZ26" s="45"/>
      <c r="CA26" s="43"/>
      <c r="CB26" s="45"/>
      <c r="CC26" s="43"/>
      <c r="CD26" s="45"/>
      <c r="CE26" s="43"/>
      <c r="CF26" s="45"/>
      <c r="CG26" s="43"/>
    </row>
    <row r="27" spans="1:85" s="2" customFormat="1" ht="22.95" customHeight="1" x14ac:dyDescent="0.35">
      <c r="A27" s="50" t="s">
        <v>72</v>
      </c>
      <c r="B27" s="51" t="s">
        <v>76</v>
      </c>
      <c r="C27" s="42" t="s">
        <v>49</v>
      </c>
      <c r="D27" s="43"/>
      <c r="E27" s="42"/>
      <c r="F27" s="43" t="s">
        <v>49</v>
      </c>
      <c r="G27" s="42" t="s">
        <v>49</v>
      </c>
      <c r="H27" s="43"/>
      <c r="I27" s="42"/>
      <c r="J27" s="43"/>
      <c r="K27" s="42" t="s">
        <v>49</v>
      </c>
      <c r="L27" s="43"/>
      <c r="M27" s="44"/>
      <c r="N27" s="43"/>
      <c r="O27" s="42"/>
      <c r="P27" s="43"/>
      <c r="Q27" s="42"/>
      <c r="R27" s="43" t="s">
        <v>49</v>
      </c>
      <c r="S27" s="42"/>
      <c r="T27" s="43"/>
      <c r="U27" s="42"/>
      <c r="V27" s="43"/>
      <c r="W27" s="42"/>
      <c r="X27" s="43"/>
      <c r="Y27" s="44"/>
      <c r="Z27" s="43"/>
      <c r="AA27" s="42"/>
      <c r="AB27" s="43"/>
      <c r="AC27" s="42"/>
      <c r="AD27" s="43"/>
      <c r="AE27" s="42"/>
      <c r="AF27" s="43"/>
      <c r="AG27" s="44"/>
      <c r="AH27" s="43" t="s">
        <v>49</v>
      </c>
      <c r="AI27" s="42"/>
      <c r="AJ27" s="43"/>
      <c r="AK27" s="42"/>
      <c r="AL27" s="43"/>
      <c r="AM27" s="44"/>
      <c r="AN27" s="45"/>
      <c r="AO27" s="43"/>
      <c r="AP27" s="45"/>
      <c r="AQ27" s="43"/>
      <c r="AR27" s="45"/>
      <c r="AS27" s="43"/>
      <c r="AT27" s="45"/>
      <c r="AU27" s="43"/>
      <c r="AV27" s="45"/>
      <c r="AW27" s="43"/>
      <c r="AX27" s="46"/>
      <c r="AY27" s="43"/>
      <c r="AZ27" s="45"/>
      <c r="BA27" s="43"/>
      <c r="BB27" s="45"/>
      <c r="BC27" s="43"/>
      <c r="BD27" s="45"/>
      <c r="BE27" s="43"/>
      <c r="BF27" s="45"/>
      <c r="BG27" s="43"/>
      <c r="BH27" s="45"/>
      <c r="BI27" s="43"/>
      <c r="BJ27" s="46"/>
      <c r="BK27" s="43"/>
      <c r="BL27" s="45"/>
      <c r="BM27" s="43"/>
      <c r="BN27" s="45"/>
      <c r="BO27" s="43"/>
      <c r="BP27" s="45"/>
      <c r="BQ27" s="43"/>
      <c r="BR27" s="46"/>
      <c r="BS27" s="43"/>
      <c r="BT27" s="45"/>
      <c r="BU27" s="43"/>
      <c r="BV27" s="45"/>
      <c r="BW27" s="43"/>
      <c r="BX27" s="46"/>
      <c r="BY27" s="43"/>
      <c r="BZ27" s="45"/>
      <c r="CA27" s="43"/>
      <c r="CB27" s="45"/>
      <c r="CC27" s="43"/>
      <c r="CD27" s="45"/>
      <c r="CE27" s="43"/>
      <c r="CF27" s="45"/>
      <c r="CG27" s="43"/>
    </row>
    <row r="28" spans="1:85" s="2" customFormat="1" ht="22.95" customHeight="1" x14ac:dyDescent="0.35">
      <c r="A28" s="50" t="s">
        <v>72</v>
      </c>
      <c r="B28" s="51" t="s">
        <v>77</v>
      </c>
      <c r="C28" s="42"/>
      <c r="D28" s="43"/>
      <c r="E28" s="42"/>
      <c r="F28" s="43"/>
      <c r="G28" s="42"/>
      <c r="H28" s="43"/>
      <c r="I28" s="42"/>
      <c r="J28" s="43"/>
      <c r="K28" s="42"/>
      <c r="L28" s="43"/>
      <c r="M28" s="44"/>
      <c r="N28" s="43"/>
      <c r="O28" s="42"/>
      <c r="P28" s="43"/>
      <c r="Q28" s="42"/>
      <c r="R28" s="43" t="s">
        <v>49</v>
      </c>
      <c r="S28" s="42" t="s">
        <v>49</v>
      </c>
      <c r="T28" s="43" t="s">
        <v>49</v>
      </c>
      <c r="U28" s="42"/>
      <c r="V28" s="43"/>
      <c r="W28" s="42"/>
      <c r="X28" s="43"/>
      <c r="Y28" s="44"/>
      <c r="Z28" s="43"/>
      <c r="AA28" s="42" t="s">
        <v>49</v>
      </c>
      <c r="AB28" s="43"/>
      <c r="AC28" s="42"/>
      <c r="AD28" s="43"/>
      <c r="AE28" s="42"/>
      <c r="AF28" s="43"/>
      <c r="AG28" s="44"/>
      <c r="AH28" s="43"/>
      <c r="AI28" s="42"/>
      <c r="AJ28" s="43"/>
      <c r="AK28" s="42"/>
      <c r="AL28" s="43"/>
      <c r="AM28" s="44"/>
      <c r="AN28" s="45"/>
      <c r="AO28" s="43"/>
      <c r="AP28" s="45"/>
      <c r="AQ28" s="43"/>
      <c r="AR28" s="45"/>
      <c r="AS28" s="43"/>
      <c r="AT28" s="45"/>
      <c r="AU28" s="43"/>
      <c r="AV28" s="45"/>
      <c r="AW28" s="43"/>
      <c r="AX28" s="46"/>
      <c r="AY28" s="43"/>
      <c r="AZ28" s="45"/>
      <c r="BA28" s="43"/>
      <c r="BB28" s="45"/>
      <c r="BC28" s="43"/>
      <c r="BD28" s="45"/>
      <c r="BE28" s="43"/>
      <c r="BF28" s="45"/>
      <c r="BG28" s="43"/>
      <c r="BH28" s="45"/>
      <c r="BI28" s="43"/>
      <c r="BJ28" s="46"/>
      <c r="BK28" s="43"/>
      <c r="BL28" s="45"/>
      <c r="BM28" s="43"/>
      <c r="BN28" s="45"/>
      <c r="BO28" s="43"/>
      <c r="BP28" s="45"/>
      <c r="BQ28" s="43"/>
      <c r="BR28" s="46"/>
      <c r="BS28" s="43"/>
      <c r="BT28" s="45"/>
      <c r="BU28" s="43"/>
      <c r="BV28" s="45"/>
      <c r="BW28" s="43"/>
      <c r="BX28" s="46"/>
      <c r="BY28" s="43"/>
      <c r="BZ28" s="45"/>
      <c r="CA28" s="43"/>
      <c r="CB28" s="45"/>
      <c r="CC28" s="43"/>
      <c r="CD28" s="45"/>
      <c r="CE28" s="43"/>
      <c r="CF28" s="45"/>
      <c r="CG28" s="43"/>
    </row>
    <row r="29" spans="1:85" s="2" customFormat="1" ht="22.95" customHeight="1" x14ac:dyDescent="0.35">
      <c r="A29" s="52" t="s">
        <v>72</v>
      </c>
      <c r="B29" s="53" t="s">
        <v>78</v>
      </c>
      <c r="C29" s="54"/>
      <c r="D29" s="55"/>
      <c r="E29" s="54"/>
      <c r="F29" s="55" t="s">
        <v>49</v>
      </c>
      <c r="G29" s="54"/>
      <c r="H29" s="55"/>
      <c r="I29" s="54"/>
      <c r="J29" s="55"/>
      <c r="K29" s="54"/>
      <c r="L29" s="55"/>
      <c r="M29" s="56"/>
      <c r="N29" s="55"/>
      <c r="O29" s="54"/>
      <c r="P29" s="55"/>
      <c r="Q29" s="54"/>
      <c r="R29" s="55" t="s">
        <v>49</v>
      </c>
      <c r="S29" s="54"/>
      <c r="T29" s="55"/>
      <c r="U29" s="54"/>
      <c r="V29" s="55"/>
      <c r="W29" s="54"/>
      <c r="X29" s="55"/>
      <c r="Y29" s="56"/>
      <c r="Z29" s="55"/>
      <c r="AA29" s="54"/>
      <c r="AB29" s="55"/>
      <c r="AC29" s="54"/>
      <c r="AD29" s="55"/>
      <c r="AE29" s="54"/>
      <c r="AF29" s="55"/>
      <c r="AG29" s="56"/>
      <c r="AH29" s="55"/>
      <c r="AI29" s="54"/>
      <c r="AJ29" s="55"/>
      <c r="AK29" s="54"/>
      <c r="AL29" s="55"/>
      <c r="AM29" s="56"/>
      <c r="AN29" s="57"/>
      <c r="AO29" s="55"/>
      <c r="AP29" s="57"/>
      <c r="AQ29" s="55"/>
      <c r="AR29" s="57"/>
      <c r="AS29" s="55"/>
      <c r="AT29" s="57"/>
      <c r="AU29" s="55"/>
      <c r="AV29" s="57"/>
      <c r="AW29" s="55"/>
      <c r="AX29" s="58"/>
      <c r="AY29" s="55"/>
      <c r="AZ29" s="57"/>
      <c r="BA29" s="55"/>
      <c r="BB29" s="57"/>
      <c r="BC29" s="55"/>
      <c r="BD29" s="57"/>
      <c r="BE29" s="55"/>
      <c r="BF29" s="57"/>
      <c r="BG29" s="55"/>
      <c r="BH29" s="57"/>
      <c r="BI29" s="55"/>
      <c r="BJ29" s="58"/>
      <c r="BK29" s="55"/>
      <c r="BL29" s="57"/>
      <c r="BM29" s="55"/>
      <c r="BN29" s="57"/>
      <c r="BO29" s="55"/>
      <c r="BP29" s="57"/>
      <c r="BQ29" s="55"/>
      <c r="BR29" s="58"/>
      <c r="BS29" s="55"/>
      <c r="BT29" s="57"/>
      <c r="BU29" s="55"/>
      <c r="BV29" s="57"/>
      <c r="BW29" s="55"/>
      <c r="BX29" s="58"/>
      <c r="BY29" s="55"/>
      <c r="BZ29" s="57"/>
      <c r="CA29" s="55"/>
      <c r="CB29" s="57"/>
      <c r="CC29" s="55"/>
      <c r="CD29" s="57"/>
      <c r="CE29" s="55"/>
      <c r="CF29" s="57"/>
      <c r="CG29" s="55"/>
    </row>
  </sheetData>
  <sheetProtection algorithmName="SHA-512" hashValue="ZUb5OqqT7G4pPJ3jLiwJO/sDAxgk2xvk4m2cTeogTA2cgwX4HTK1852W0V+pJnvohbXwbblnLN5ohAiMkkKNzg==" saltValue="C7kofzOu0pxEo/ZV7pLcwg==" spinCount="100000" sheet="1" objects="1" scenarios="1"/>
  <protectedRanges>
    <protectedRange sqref="AN3:CF29" name="Range1"/>
  </protectedRanges>
  <autoFilter ref="A3:CG29" xr:uid="{94D504E6-FF23-42EF-A4AB-971259469FAD}"/>
  <mergeCells count="12">
    <mergeCell ref="BS2:BX2"/>
    <mergeCell ref="AN1:CF1"/>
    <mergeCell ref="BY2:CG2"/>
    <mergeCell ref="C2:M2"/>
    <mergeCell ref="N2:Y2"/>
    <mergeCell ref="Z2:AG2"/>
    <mergeCell ref="AH2:AM2"/>
    <mergeCell ref="A1:B2"/>
    <mergeCell ref="C1:AM1"/>
    <mergeCell ref="AN2:AX2"/>
    <mergeCell ref="AY2:BJ2"/>
    <mergeCell ref="BK2:BR2"/>
  </mergeCells>
  <pageMargins left="0.7" right="0.7" top="0.75" bottom="0.75" header="0.3" footer="0.3"/>
  <pageSetup paperSize="9" orientation="portrait" horizontalDpi="300" verticalDpi="300"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3015E68EF2F6344192628D20B5B88951" ma:contentTypeVersion="20" ma:contentTypeDescription="" ma:contentTypeScope="" ma:versionID="80a3b4a5eda900505fb53f947e5b54d5">
  <xsd:schema xmlns:xsd="http://www.w3.org/2001/XMLSchema" xmlns:xs="http://www.w3.org/2001/XMLSchema" xmlns:p="http://schemas.microsoft.com/office/2006/metadata/properties" xmlns:ns2="f2609108-a966-4d8e-9482-4e80b953f3ab" xmlns:ns3="c123447c-656e-46d7-8e92-441f6cb64311" targetNamespace="http://schemas.microsoft.com/office/2006/metadata/properties" ma:root="true" ma:fieldsID="42bf7efc432c506c88a2f227b9b27b62" ns2:_="" ns3:_="">
    <xsd:import namespace="f2609108-a966-4d8e-9482-4e80b953f3ab"/>
    <xsd:import namespace="c123447c-656e-46d7-8e92-441f6cb64311"/>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ObjectDetectorVersions" minOccurs="0"/>
                <xsd:element ref="ns2:SharedWithUsers" minOccurs="0"/>
                <xsd:element ref="ns2:SharedWithDetails" minOccurs="0"/>
                <xsd:element ref="ns3:lcf76f155ced4ddcb4097134ff3c332f" minOccurs="0"/>
                <xsd:element ref="ns3:MediaServiceOCR" minOccurs="0"/>
                <xsd:element ref="ns3:MediaServiceGenerationTime" minOccurs="0"/>
                <xsd:element ref="ns3:MediaServiceEventHashCode" minOccurs="0"/>
                <xsd:element ref="ns3:MediaServiceDateTaken"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2609108-a966-4d8e-9482-4e80b953f3ab"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0d9c35fe-ff3f-4488-a673-4e409fc3806e}" ma:internalName="TaxCatchAll" ma:showField="CatchAllData" ma:web="f2609108-a966-4d8e-9482-4e80b953f3ab">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0d9c35fe-ff3f-4488-a673-4e409fc3806e}" ma:internalName="TaxCatchAllLabel" ma:readOnly="true" ma:showField="CatchAllDataLabel" ma:web="f2609108-a966-4d8e-9482-4e80b953f3ab">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2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123447c-656e-46d7-8e92-441f6cb64311"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lcf76f155ced4ddcb4097134ff3c332f" ma:index="31"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OCR" ma:index="32" nillable="true" ma:displayName="Extracted Text" ma:internalName="MediaServiceOCR" ma:readOnly="true">
      <xsd:simpleType>
        <xsd:restriction base="dms:Note">
          <xsd:maxLength value="255"/>
        </xsd:restriction>
      </xsd:simpleType>
    </xsd:element>
    <xsd:element name="MediaServiceGenerationTime" ma:index="33" nillable="true" ma:displayName="MediaServiceGenerationTime" ma:hidden="true" ma:internalName="MediaServiceGenerationTime" ma:readOnly="true">
      <xsd:simpleType>
        <xsd:restriction base="dms:Text"/>
      </xsd:simpleType>
    </xsd:element>
    <xsd:element name="MediaServiceEventHashCode" ma:index="34" nillable="true" ma:displayName="MediaServiceEventHashCode" ma:hidden="true" ma:internalName="MediaServiceEventHashCode" ma:readOnly="true">
      <xsd:simpleType>
        <xsd:restriction base="dms:Text"/>
      </xsd:simpleType>
    </xsd:element>
    <xsd:element name="MediaServiceDateTaken" ma:index="35" nillable="true" ma:displayName="MediaServiceDateTaken" ma:hidden="true" ma:indexed="true" ma:internalName="MediaServiceDateTaken" ma:readOnly="true">
      <xsd:simpleType>
        <xsd:restriction base="dms:Text"/>
      </xsd:simpleType>
    </xsd:element>
    <xsd:element name="MediaServiceSearchProperties" ma:index="36"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Arup_TeamSpaceWorkstreamInternal xmlns="f2609108-a966-4d8e-9482-4e80b953f3ab" xsi:nil="true"/>
    <Arup_TeamSpaceDeliverable xmlns="f2609108-a966-4d8e-9482-4e80b953f3ab">false</Arup_TeamSpaceDeliverable>
    <TaxCatchAll xmlns="f2609108-a966-4d8e-9482-4e80b953f3ab" xsi:nil="true"/>
    <Arup_TeamSpaceMustRead xmlns="f2609108-a966-4d8e-9482-4e80b953f3ab">false</Arup_TeamSpaceMustRead>
    <lcf76f155ced4ddcb4097134ff3c332f xmlns="c123447c-656e-46d7-8e92-441f6cb64311">
      <Terms xmlns="http://schemas.microsoft.com/office/infopath/2007/PartnerControls"/>
    </lcf76f155ced4ddcb4097134ff3c332f>
    <ja38ea1158ed452e9308a795972805b9 xmlns="f2609108-a966-4d8e-9482-4e80b953f3ab">
      <Terms xmlns="http://schemas.microsoft.com/office/infopath/2007/PartnerControls"/>
    </ja38ea1158ed452e9308a795972805b9>
    <Arup_TeamSpaceDocumentStatus xmlns="f2609108-a966-4d8e-9482-4e80b953f3ab" xsi:nil="true"/>
    <o9707bc871d6428696dc7fdce2fc1966 xmlns="f2609108-a966-4d8e-9482-4e80b953f3ab">
      <Terms xmlns="http://schemas.microsoft.com/office/infopath/2007/PartnerControls"/>
    </o9707bc871d6428696dc7fdce2fc1966>
    <nc695c5aeb184e52bf78fb52672e0b9d xmlns="f2609108-a966-4d8e-9482-4e80b953f3ab">
      <Terms xmlns="http://schemas.microsoft.com/office/infopath/2007/PartnerControls"/>
    </nc695c5aeb184e52bf78fb52672e0b9d>
    <CO_Description xmlns="f2609108-a966-4d8e-9482-4e80b953f3ab" xsi:nil="true"/>
    <m720c857f92247b4b2f03df6cb5d2bc9 xmlns="f2609108-a966-4d8e-9482-4e80b953f3ab">
      <Terms xmlns="http://schemas.microsoft.com/office/infopath/2007/PartnerControls"/>
    </m720c857f92247b4b2f03df6cb5d2bc9>
    <Arup_TeamSpaceProjectStage xmlns="f2609108-a966-4d8e-9482-4e80b953f3ab" xsi:nil="true"/>
    <TeamSpaceRevision xmlns="f2609108-a966-4d8e-9482-4e80b953f3ab"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BA3ECC0-E95B-45D7-99A4-6B91DADE43E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2609108-a966-4d8e-9482-4e80b953f3ab"/>
    <ds:schemaRef ds:uri="c123447c-656e-46d7-8e92-441f6cb6431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E59C169C-5B71-4139-B067-6BD7D31FA149}">
  <ds:schemaRefs/>
</ds:datastoreItem>
</file>

<file path=customXml/itemProps3.xml><?xml version="1.0" encoding="utf-8"?>
<ds:datastoreItem xmlns:ds="http://schemas.openxmlformats.org/officeDocument/2006/customXml" ds:itemID="{62CB8C1F-D40D-4C86-BB4B-0CF96D922D6C}">
  <ds:schemaRefs/>
</ds:datastoreItem>
</file>

<file path=customXml/itemProps4.xml><?xml version="1.0" encoding="utf-8"?>
<ds:datastoreItem xmlns:ds="http://schemas.openxmlformats.org/officeDocument/2006/customXml" ds:itemID="{11216685-3C1F-4F8B-B733-B7764BB6AA29}">
  <ds:schemaRefs>
    <ds:schemaRef ds:uri="http://schemas.microsoft.com/office/2006/metadata/properties"/>
    <ds:schemaRef ds:uri="http://schemas.microsoft.com/office/infopath/2007/PartnerControls"/>
    <ds:schemaRef ds:uri="f2609108-a966-4d8e-9482-4e80b953f3ab"/>
    <ds:schemaRef ds:uri="c123447c-656e-46d7-8e92-441f6cb64311"/>
  </ds:schemaRefs>
</ds:datastoreItem>
</file>

<file path=customXml/itemProps5.xml><?xml version="1.0" encoding="utf-8"?>
<ds:datastoreItem xmlns:ds="http://schemas.openxmlformats.org/officeDocument/2006/customXml" ds:itemID="{D2EC3427-AAFB-421D-A218-DD7A39A1BFB1}">
  <ds:schemaRefs>
    <ds:schemaRef ds:uri="http://schemas.microsoft.com/sharepoint/v3/contenttype/forms"/>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3</vt:i4>
      </vt:variant>
    </vt:vector>
  </HeadingPairs>
  <TitlesOfParts>
    <vt:vector size="3" baseType="lpstr">
      <vt:lpstr>Disclaimer</vt:lpstr>
      <vt:lpstr>Storytelling worksheet</vt:lpstr>
      <vt:lpstr>Co-benefit assessment tool</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aurie Kerr</dc:creator>
  <cp:keywords/>
  <dc:description/>
  <cp:lastModifiedBy>Benjamin Jance</cp:lastModifiedBy>
  <cp:revision/>
  <dcterms:created xsi:type="dcterms:W3CDTF">2024-02-06T09:07:12Z</dcterms:created>
  <dcterms:modified xsi:type="dcterms:W3CDTF">2024-06-17T18:04:41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7925195305325468</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2392094CBAD04C3AB0B65532217FA45A01003015E68EF2F6344192628D20B5B88951</vt:lpwstr>
  </property>
  <property fmtid="{D5CDD505-2E9C-101B-9397-08002B2CF9AE}" pid="15" name="Arup_Tags">
    <vt:lpwstr/>
  </property>
  <property fmtid="{D5CDD505-2E9C-101B-9397-08002B2CF9AE}" pid="16" name="MediaServiceImageTags">
    <vt:lpwstr/>
  </property>
  <property fmtid="{D5CDD505-2E9C-101B-9397-08002B2CF9AE}" pid="17" name="CO_Topics">
    <vt:lpwstr/>
  </property>
  <property fmtid="{D5CDD505-2E9C-101B-9397-08002B2CF9AE}" pid="18" name="Arup_TypeOfContent">
    <vt:lpwstr/>
  </property>
  <property fmtid="{D5CDD505-2E9C-101B-9397-08002B2CF9AE}" pid="19" name="CO_Communities">
    <vt:lpwstr/>
  </property>
</Properties>
</file>